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28情報シス\s1\３統計\04　県等委託統計\06　人口調査\人口データ\1 元データ\R4\2204\HP2204\"/>
    </mc:Choice>
  </mc:AlternateContent>
  <xr:revisionPtr revIDLastSave="0" documentId="13_ncr:1_{FA2C44B9-BF0B-4468-B61C-408FC0FAA185}" xr6:coauthVersionLast="47" xr6:coauthVersionMax="47" xr10:uidLastSave="{00000000-0000-0000-0000-000000000000}"/>
  <bookViews>
    <workbookView xWindow="-108" yWindow="-108" windowWidth="23256" windowHeight="12576" xr2:uid="{F94F933D-2EC7-4065-9FEA-8D93E3477A20}"/>
  </bookViews>
  <sheets>
    <sheet name="0000" sheetId="1" r:id="rId1"/>
  </sheets>
  <definedNames>
    <definedName name="_xlnm.Print_Titles" localSheetId="0">'0000'!$5:$5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41" uniqueCount="35">
  <si>
    <t>年齢別・性別人口（富山市）</t>
    <rPh sb="0" eb="2">
      <t>ネンレイ</t>
    </rPh>
    <rPh sb="2" eb="3">
      <t>ベツ</t>
    </rPh>
    <rPh sb="4" eb="6">
      <t>セイベツ</t>
    </rPh>
    <rPh sb="6" eb="8">
      <t>ジンコウ</t>
    </rPh>
    <rPh sb="9" eb="11">
      <t>トヤマ</t>
    </rPh>
    <rPh sb="11" eb="12">
      <t>シ</t>
    </rPh>
    <phoneticPr fontId="3"/>
  </si>
  <si>
    <t>令和4年4月末</t>
  </si>
  <si>
    <t>日本人</t>
    <rPh sb="0" eb="3">
      <t>ニホンジン</t>
    </rPh>
    <phoneticPr fontId="3"/>
  </si>
  <si>
    <t>外国人</t>
    <rPh sb="0" eb="2">
      <t>ガイコク</t>
    </rPh>
    <rPh sb="2" eb="3">
      <t>ジン</t>
    </rPh>
    <phoneticPr fontId="3"/>
  </si>
  <si>
    <t>合計</t>
    <rPh sb="0" eb="2">
      <t>ゴウケイ</t>
    </rPh>
    <phoneticPr fontId="3"/>
  </si>
  <si>
    <t>年齢</t>
    <rPh sb="0" eb="2">
      <t>ネンレイ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《0～4》</t>
    <phoneticPr fontId="3"/>
  </si>
  <si>
    <t>《5～9》</t>
    <phoneticPr fontId="3"/>
  </si>
  <si>
    <t>《10～14》</t>
    <phoneticPr fontId="3"/>
  </si>
  <si>
    <t>【0～14】</t>
    <phoneticPr fontId="3"/>
  </si>
  <si>
    <t>《15～19》</t>
    <phoneticPr fontId="3"/>
  </si>
  <si>
    <t>《20～24》</t>
    <phoneticPr fontId="3"/>
  </si>
  <si>
    <t>《25～29》</t>
    <phoneticPr fontId="3"/>
  </si>
  <si>
    <t>《30～34》</t>
    <phoneticPr fontId="3"/>
  </si>
  <si>
    <t>《35～39》</t>
    <phoneticPr fontId="3"/>
  </si>
  <si>
    <t>《40～44》</t>
    <phoneticPr fontId="3"/>
  </si>
  <si>
    <t>《45～49》</t>
    <phoneticPr fontId="3"/>
  </si>
  <si>
    <t>《50～54》</t>
    <phoneticPr fontId="3"/>
  </si>
  <si>
    <t>《55～59》</t>
    <phoneticPr fontId="3"/>
  </si>
  <si>
    <t>《60～64》</t>
    <phoneticPr fontId="3"/>
  </si>
  <si>
    <t>【15～64】</t>
    <phoneticPr fontId="3"/>
  </si>
  <si>
    <t>《65～69》</t>
    <phoneticPr fontId="3"/>
  </si>
  <si>
    <t>《70～74》</t>
    <phoneticPr fontId="3"/>
  </si>
  <si>
    <t>《75～79》</t>
    <phoneticPr fontId="3"/>
  </si>
  <si>
    <t>《80～84》</t>
    <phoneticPr fontId="3"/>
  </si>
  <si>
    <t>《85～89》</t>
    <phoneticPr fontId="3"/>
  </si>
  <si>
    <t>《90～94》</t>
    <phoneticPr fontId="3"/>
  </si>
  <si>
    <t>《95～99》</t>
    <phoneticPr fontId="3"/>
  </si>
  <si>
    <t>101～</t>
    <phoneticPr fontId="3"/>
  </si>
  <si>
    <t>《100～》</t>
    <phoneticPr fontId="3"/>
  </si>
  <si>
    <t>【65～】</t>
    <phoneticPr fontId="3"/>
  </si>
  <si>
    <t>【合計】</t>
    <rPh sb="1" eb="3">
      <t>ゴウケイ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42">
    <xf numFmtId="0" fontId="0" fillId="0" borderId="0" xfId="0"/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38" fontId="1" fillId="0" borderId="11" xfId="1" applyFont="1" applyBorder="1" applyAlignment="1">
      <alignment horizontal="distributed" vertical="center"/>
    </xf>
    <xf numFmtId="38" fontId="1" fillId="0" borderId="8" xfId="1" applyBorder="1" applyAlignment="1">
      <alignment vertical="center"/>
    </xf>
    <xf numFmtId="38" fontId="1" fillId="0" borderId="9" xfId="1" applyBorder="1" applyAlignment="1">
      <alignment vertical="center"/>
    </xf>
    <xf numFmtId="38" fontId="1" fillId="0" borderId="10" xfId="1" applyBorder="1" applyAlignment="1">
      <alignment vertical="center"/>
    </xf>
    <xf numFmtId="38" fontId="1" fillId="0" borderId="12" xfId="1" applyFont="1" applyBorder="1" applyAlignment="1">
      <alignment vertical="center"/>
    </xf>
    <xf numFmtId="38" fontId="1" fillId="0" borderId="9" xfId="1" applyFont="1" applyBorder="1" applyAlignment="1">
      <alignment vertical="center"/>
    </xf>
    <xf numFmtId="38" fontId="1" fillId="0" borderId="10" xfId="1" applyFont="1" applyBorder="1" applyAlignment="1">
      <alignment vertical="center"/>
    </xf>
    <xf numFmtId="38" fontId="1" fillId="0" borderId="13" xfId="1" applyFont="1" applyBorder="1" applyAlignment="1">
      <alignment horizontal="distributed" vertical="center"/>
    </xf>
    <xf numFmtId="38" fontId="1" fillId="0" borderId="14" xfId="1" applyBorder="1" applyAlignment="1">
      <alignment vertical="center"/>
    </xf>
    <xf numFmtId="38" fontId="1" fillId="0" borderId="15" xfId="1" applyBorder="1" applyAlignment="1">
      <alignment vertical="center"/>
    </xf>
    <xf numFmtId="38" fontId="1" fillId="0" borderId="16" xfId="1" applyBorder="1" applyAlignment="1">
      <alignment vertical="center"/>
    </xf>
    <xf numFmtId="38" fontId="1" fillId="0" borderId="17" xfId="1" applyFont="1" applyBorder="1" applyAlignment="1">
      <alignment vertical="center"/>
    </xf>
    <xf numFmtId="38" fontId="1" fillId="0" borderId="15" xfId="1" applyFont="1" applyBorder="1" applyAlignment="1">
      <alignment vertical="center"/>
    </xf>
    <xf numFmtId="38" fontId="1" fillId="0" borderId="16" xfId="1" applyFont="1" applyBorder="1" applyAlignment="1">
      <alignment vertical="center"/>
    </xf>
    <xf numFmtId="38" fontId="1" fillId="0" borderId="17" xfId="1" applyBorder="1" applyAlignment="1">
      <alignment vertical="center"/>
    </xf>
    <xf numFmtId="38" fontId="1" fillId="0" borderId="13" xfId="1" applyFont="1" applyBorder="1" applyAlignment="1">
      <alignment horizontal="center" vertical="center"/>
    </xf>
    <xf numFmtId="38" fontId="0" fillId="0" borderId="14" xfId="0" applyNumberFormat="1" applyBorder="1" applyAlignment="1">
      <alignment vertical="center"/>
    </xf>
    <xf numFmtId="38" fontId="0" fillId="0" borderId="15" xfId="0" applyNumberFormat="1" applyBorder="1" applyAlignment="1">
      <alignment vertical="center"/>
    </xf>
    <xf numFmtId="38" fontId="0" fillId="0" borderId="16" xfId="0" applyNumberFormat="1" applyBorder="1" applyAlignment="1">
      <alignment vertical="center"/>
    </xf>
    <xf numFmtId="38" fontId="0" fillId="0" borderId="17" xfId="0" applyNumberFormat="1" applyBorder="1" applyAlignment="1">
      <alignment vertical="center"/>
    </xf>
    <xf numFmtId="38" fontId="1" fillId="0" borderId="18" xfId="1" applyFont="1" applyBorder="1" applyAlignment="1">
      <alignment horizontal="distributed" vertical="center"/>
    </xf>
    <xf numFmtId="38" fontId="0" fillId="0" borderId="19" xfId="0" applyNumberFormat="1" applyBorder="1" applyAlignment="1">
      <alignment vertical="center"/>
    </xf>
    <xf numFmtId="38" fontId="0" fillId="0" borderId="20" xfId="0" applyNumberFormat="1" applyBorder="1" applyAlignment="1">
      <alignment vertical="center"/>
    </xf>
    <xf numFmtId="38" fontId="0" fillId="0" borderId="21" xfId="0" applyNumberFormat="1" applyBorder="1" applyAlignment="1">
      <alignment vertical="center"/>
    </xf>
    <xf numFmtId="38" fontId="0" fillId="0" borderId="22" xfId="0" applyNumberFormat="1" applyBorder="1" applyAlignment="1">
      <alignment vertical="center"/>
    </xf>
    <xf numFmtId="0" fontId="2" fillId="0" borderId="0" xfId="0" applyFont="1" applyAlignment="1">
      <alignment horizontal="center" vertical="center"/>
    </xf>
    <xf numFmtId="0" fontId="4" fillId="0" borderId="0" xfId="0" applyFont="1" applyAlignment="1">
      <alignment horizontal="right" vertical="center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33FFEFA6-9C0C-4550-8D9B-AF4B217D1E0D}">
  <sheetPr codeName="Sheet11">
    <pageSetUpPr fitToPage="1"/>
  </sheetPr>
  <dimension ref="A1:J132"/>
  <sheetViews>
    <sheetView tabSelected="1" workbookViewId="0">
      <pane ySplit="5" topLeftCell="A18" activePane="bottomLeft" state="frozen"/>
      <selection activeCell="D27" sqref="D27"/>
      <selection pane="bottomLeft" activeCell="F29" sqref="F29"/>
    </sheetView>
  </sheetViews>
  <sheetFormatPr defaultRowHeight="13.2" x14ac:dyDescent="0.2"/>
  <cols>
    <col min="1" max="1" width="11" customWidth="1"/>
    <col min="2" max="7" width="9" customWidth="1"/>
  </cols>
  <sheetData>
    <row r="1" spans="1:10" ht="27" customHeight="1" x14ac:dyDescent="0.2">
      <c r="A1" s="35" t="s">
        <v>0</v>
      </c>
      <c r="B1" s="35"/>
      <c r="C1" s="35"/>
      <c r="D1" s="35"/>
      <c r="E1" s="35"/>
      <c r="F1" s="35"/>
      <c r="G1" s="35"/>
      <c r="H1" s="35"/>
      <c r="I1" s="35"/>
      <c r="J1" s="35"/>
    </row>
    <row r="2" spans="1:10" ht="14.25" customHeight="1" x14ac:dyDescent="0.2">
      <c r="A2" s="1"/>
      <c r="B2" s="1"/>
      <c r="C2" s="1"/>
      <c r="D2" s="1"/>
      <c r="E2" s="1"/>
      <c r="F2" s="1"/>
      <c r="G2" s="1"/>
      <c r="H2" s="1"/>
      <c r="I2" s="1"/>
      <c r="J2" s="1"/>
    </row>
    <row r="3" spans="1:10" ht="20.25" customHeight="1" x14ac:dyDescent="0.2">
      <c r="A3" s="2"/>
      <c r="B3" s="2"/>
      <c r="C3" s="2"/>
      <c r="D3" s="2"/>
      <c r="E3" s="2"/>
      <c r="F3" s="2"/>
      <c r="G3" s="2"/>
      <c r="H3" s="36" t="s">
        <v>1</v>
      </c>
      <c r="I3" s="36"/>
      <c r="J3" s="36"/>
    </row>
    <row r="4" spans="1:10" ht="20.25" customHeight="1" x14ac:dyDescent="0.2">
      <c r="A4" s="2"/>
      <c r="B4" s="37" t="s">
        <v>2</v>
      </c>
      <c r="C4" s="38"/>
      <c r="D4" s="39"/>
      <c r="E4" s="37" t="s">
        <v>3</v>
      </c>
      <c r="F4" s="38"/>
      <c r="G4" s="39"/>
      <c r="H4" s="37" t="s">
        <v>4</v>
      </c>
      <c r="I4" s="40"/>
      <c r="J4" s="41"/>
    </row>
    <row r="5" spans="1:10" ht="18" customHeight="1" x14ac:dyDescent="0.2">
      <c r="A5" s="3" t="s">
        <v>5</v>
      </c>
      <c r="B5" s="4" t="s">
        <v>6</v>
      </c>
      <c r="C5" s="5" t="s">
        <v>7</v>
      </c>
      <c r="D5" s="6" t="s">
        <v>8</v>
      </c>
      <c r="E5" s="7" t="s">
        <v>6</v>
      </c>
      <c r="F5" s="8" t="s">
        <v>7</v>
      </c>
      <c r="G5" s="9" t="s">
        <v>8</v>
      </c>
      <c r="H5" s="4" t="s">
        <v>6</v>
      </c>
      <c r="I5" s="5" t="s">
        <v>7</v>
      </c>
      <c r="J5" s="6" t="s">
        <v>8</v>
      </c>
    </row>
    <row r="6" spans="1:10" ht="18" customHeight="1" x14ac:dyDescent="0.2">
      <c r="A6" s="10">
        <v>0</v>
      </c>
      <c r="B6" s="11">
        <v>1325</v>
      </c>
      <c r="C6" s="12">
        <v>1264</v>
      </c>
      <c r="D6" s="13">
        <v>2589</v>
      </c>
      <c r="E6" s="14">
        <v>16</v>
      </c>
      <c r="F6" s="15">
        <v>10</v>
      </c>
      <c r="G6" s="16">
        <v>26</v>
      </c>
      <c r="H6" s="14">
        <v>1341</v>
      </c>
      <c r="I6" s="15">
        <v>1274</v>
      </c>
      <c r="J6" s="16">
        <v>2615</v>
      </c>
    </row>
    <row r="7" spans="1:10" ht="18" customHeight="1" x14ac:dyDescent="0.2">
      <c r="A7" s="17">
        <v>1</v>
      </c>
      <c r="B7" s="18">
        <v>1342</v>
      </c>
      <c r="C7" s="19">
        <v>1372</v>
      </c>
      <c r="D7" s="20">
        <v>2714</v>
      </c>
      <c r="E7" s="21">
        <v>29</v>
      </c>
      <c r="F7" s="22">
        <v>13</v>
      </c>
      <c r="G7" s="23">
        <v>42</v>
      </c>
      <c r="H7" s="21">
        <v>1371</v>
      </c>
      <c r="I7" s="22">
        <v>1385</v>
      </c>
      <c r="J7" s="23">
        <v>2756</v>
      </c>
    </row>
    <row r="8" spans="1:10" ht="18" customHeight="1" x14ac:dyDescent="0.2">
      <c r="A8" s="17">
        <v>2</v>
      </c>
      <c r="B8" s="18">
        <v>1464</v>
      </c>
      <c r="C8" s="19">
        <v>1337</v>
      </c>
      <c r="D8" s="20">
        <v>2801</v>
      </c>
      <c r="E8" s="21">
        <v>24</v>
      </c>
      <c r="F8" s="22">
        <v>20</v>
      </c>
      <c r="G8" s="23">
        <v>44</v>
      </c>
      <c r="H8" s="21">
        <v>1488</v>
      </c>
      <c r="I8" s="22">
        <v>1357</v>
      </c>
      <c r="J8" s="23">
        <v>2845</v>
      </c>
    </row>
    <row r="9" spans="1:10" ht="18" customHeight="1" x14ac:dyDescent="0.2">
      <c r="A9" s="17">
        <v>3</v>
      </c>
      <c r="B9" s="18">
        <v>1480</v>
      </c>
      <c r="C9" s="19">
        <v>1457</v>
      </c>
      <c r="D9" s="20">
        <v>2937</v>
      </c>
      <c r="E9" s="21">
        <v>18</v>
      </c>
      <c r="F9" s="22">
        <v>26</v>
      </c>
      <c r="G9" s="23">
        <v>44</v>
      </c>
      <c r="H9" s="21">
        <v>1498</v>
      </c>
      <c r="I9" s="22">
        <v>1483</v>
      </c>
      <c r="J9" s="23">
        <v>2981</v>
      </c>
    </row>
    <row r="10" spans="1:10" ht="18" customHeight="1" x14ac:dyDescent="0.2">
      <c r="A10" s="17">
        <v>4</v>
      </c>
      <c r="B10" s="18">
        <v>1498</v>
      </c>
      <c r="C10" s="19">
        <v>1455</v>
      </c>
      <c r="D10" s="20">
        <v>2953</v>
      </c>
      <c r="E10" s="21">
        <v>24</v>
      </c>
      <c r="F10" s="22">
        <v>29</v>
      </c>
      <c r="G10" s="23">
        <v>53</v>
      </c>
      <c r="H10" s="21">
        <v>1522</v>
      </c>
      <c r="I10" s="22">
        <v>1484</v>
      </c>
      <c r="J10" s="23">
        <v>3006</v>
      </c>
    </row>
    <row r="11" spans="1:10" ht="18" customHeight="1" x14ac:dyDescent="0.2">
      <c r="A11" s="17" t="s">
        <v>9</v>
      </c>
      <c r="B11" s="18">
        <v>7109</v>
      </c>
      <c r="C11" s="19">
        <v>6885</v>
      </c>
      <c r="D11" s="20">
        <v>13994</v>
      </c>
      <c r="E11" s="24">
        <v>111</v>
      </c>
      <c r="F11" s="19">
        <v>98</v>
      </c>
      <c r="G11" s="20">
        <v>209</v>
      </c>
      <c r="H11" s="24">
        <v>7220</v>
      </c>
      <c r="I11" s="19">
        <v>6983</v>
      </c>
      <c r="J11" s="20">
        <v>14203</v>
      </c>
    </row>
    <row r="12" spans="1:10" ht="18" customHeight="1" x14ac:dyDescent="0.2">
      <c r="A12" s="17">
        <v>5</v>
      </c>
      <c r="B12" s="18">
        <v>1613</v>
      </c>
      <c r="C12" s="19">
        <v>1511</v>
      </c>
      <c r="D12" s="20">
        <v>3124</v>
      </c>
      <c r="E12" s="24">
        <v>23</v>
      </c>
      <c r="F12" s="19">
        <v>21</v>
      </c>
      <c r="G12" s="20">
        <v>44</v>
      </c>
      <c r="H12" s="24">
        <v>1636</v>
      </c>
      <c r="I12" s="19">
        <v>1532</v>
      </c>
      <c r="J12" s="20">
        <v>3168</v>
      </c>
    </row>
    <row r="13" spans="1:10" ht="18" customHeight="1" x14ac:dyDescent="0.2">
      <c r="A13" s="17">
        <v>6</v>
      </c>
      <c r="B13" s="18">
        <v>1647</v>
      </c>
      <c r="C13" s="19">
        <v>1537</v>
      </c>
      <c r="D13" s="20">
        <v>3184</v>
      </c>
      <c r="E13" s="24">
        <v>23</v>
      </c>
      <c r="F13" s="19">
        <v>26</v>
      </c>
      <c r="G13" s="20">
        <v>49</v>
      </c>
      <c r="H13" s="24">
        <v>1670</v>
      </c>
      <c r="I13" s="19">
        <v>1563</v>
      </c>
      <c r="J13" s="20">
        <v>3233</v>
      </c>
    </row>
    <row r="14" spans="1:10" ht="18" customHeight="1" x14ac:dyDescent="0.2">
      <c r="A14" s="17">
        <v>7</v>
      </c>
      <c r="B14" s="18">
        <v>1595</v>
      </c>
      <c r="C14" s="19">
        <v>1586</v>
      </c>
      <c r="D14" s="20">
        <v>3181</v>
      </c>
      <c r="E14" s="24">
        <v>16</v>
      </c>
      <c r="F14" s="19">
        <v>16</v>
      </c>
      <c r="G14" s="20">
        <v>32</v>
      </c>
      <c r="H14" s="24">
        <v>1611</v>
      </c>
      <c r="I14" s="19">
        <v>1602</v>
      </c>
      <c r="J14" s="20">
        <v>3213</v>
      </c>
    </row>
    <row r="15" spans="1:10" ht="18" customHeight="1" x14ac:dyDescent="0.2">
      <c r="A15" s="17">
        <v>8</v>
      </c>
      <c r="B15" s="18">
        <v>1611</v>
      </c>
      <c r="C15" s="19">
        <v>1607</v>
      </c>
      <c r="D15" s="20">
        <v>3218</v>
      </c>
      <c r="E15" s="24">
        <v>28</v>
      </c>
      <c r="F15" s="19">
        <v>21</v>
      </c>
      <c r="G15" s="20">
        <v>49</v>
      </c>
      <c r="H15" s="24">
        <v>1639</v>
      </c>
      <c r="I15" s="19">
        <v>1628</v>
      </c>
      <c r="J15" s="20">
        <v>3267</v>
      </c>
    </row>
    <row r="16" spans="1:10" ht="18" customHeight="1" x14ac:dyDescent="0.2">
      <c r="A16" s="17">
        <v>9</v>
      </c>
      <c r="B16" s="18">
        <v>1675</v>
      </c>
      <c r="C16" s="19">
        <v>1548</v>
      </c>
      <c r="D16" s="20">
        <v>3223</v>
      </c>
      <c r="E16" s="24">
        <v>15</v>
      </c>
      <c r="F16" s="19">
        <v>17</v>
      </c>
      <c r="G16" s="20">
        <v>32</v>
      </c>
      <c r="H16" s="24">
        <v>1690</v>
      </c>
      <c r="I16" s="19">
        <v>1565</v>
      </c>
      <c r="J16" s="20">
        <v>3255</v>
      </c>
    </row>
    <row r="17" spans="1:10" ht="18" customHeight="1" x14ac:dyDescent="0.2">
      <c r="A17" s="17" t="s">
        <v>10</v>
      </c>
      <c r="B17" s="18">
        <v>8141</v>
      </c>
      <c r="C17" s="19">
        <v>7789</v>
      </c>
      <c r="D17" s="20">
        <v>15930</v>
      </c>
      <c r="E17" s="24">
        <v>105</v>
      </c>
      <c r="F17" s="19">
        <v>101</v>
      </c>
      <c r="G17" s="20">
        <v>206</v>
      </c>
      <c r="H17" s="24">
        <v>8246</v>
      </c>
      <c r="I17" s="19">
        <v>7890</v>
      </c>
      <c r="J17" s="20">
        <v>16136</v>
      </c>
    </row>
    <row r="18" spans="1:10" ht="18" customHeight="1" x14ac:dyDescent="0.2">
      <c r="A18" s="17">
        <v>10</v>
      </c>
      <c r="B18" s="18">
        <v>1677</v>
      </c>
      <c r="C18" s="19">
        <v>1662</v>
      </c>
      <c r="D18" s="20">
        <v>3339</v>
      </c>
      <c r="E18" s="24">
        <v>16</v>
      </c>
      <c r="F18" s="19">
        <v>11</v>
      </c>
      <c r="G18" s="20">
        <v>27</v>
      </c>
      <c r="H18" s="24">
        <v>1693</v>
      </c>
      <c r="I18" s="19">
        <v>1673</v>
      </c>
      <c r="J18" s="20">
        <v>3366</v>
      </c>
    </row>
    <row r="19" spans="1:10" ht="18" customHeight="1" x14ac:dyDescent="0.2">
      <c r="A19" s="17">
        <v>11</v>
      </c>
      <c r="B19" s="18">
        <v>1810</v>
      </c>
      <c r="C19" s="19">
        <v>1541</v>
      </c>
      <c r="D19" s="20">
        <v>3351</v>
      </c>
      <c r="E19" s="24">
        <v>19</v>
      </c>
      <c r="F19" s="19">
        <v>18</v>
      </c>
      <c r="G19" s="20">
        <v>37</v>
      </c>
      <c r="H19" s="24">
        <v>1829</v>
      </c>
      <c r="I19" s="19">
        <v>1559</v>
      </c>
      <c r="J19" s="20">
        <v>3388</v>
      </c>
    </row>
    <row r="20" spans="1:10" ht="18" customHeight="1" x14ac:dyDescent="0.2">
      <c r="A20" s="17">
        <v>12</v>
      </c>
      <c r="B20" s="18">
        <v>1760</v>
      </c>
      <c r="C20" s="19">
        <v>1719</v>
      </c>
      <c r="D20" s="20">
        <v>3479</v>
      </c>
      <c r="E20" s="24">
        <v>14</v>
      </c>
      <c r="F20" s="19">
        <v>17</v>
      </c>
      <c r="G20" s="20">
        <v>31</v>
      </c>
      <c r="H20" s="24">
        <v>1774</v>
      </c>
      <c r="I20" s="19">
        <v>1736</v>
      </c>
      <c r="J20" s="20">
        <v>3510</v>
      </c>
    </row>
    <row r="21" spans="1:10" ht="18" customHeight="1" x14ac:dyDescent="0.2">
      <c r="A21" s="17">
        <v>13</v>
      </c>
      <c r="B21" s="18">
        <v>1839</v>
      </c>
      <c r="C21" s="19">
        <v>1675</v>
      </c>
      <c r="D21" s="20">
        <v>3514</v>
      </c>
      <c r="E21" s="24">
        <v>14</v>
      </c>
      <c r="F21" s="19">
        <v>17</v>
      </c>
      <c r="G21" s="20">
        <v>31</v>
      </c>
      <c r="H21" s="24">
        <v>1853</v>
      </c>
      <c r="I21" s="19">
        <v>1692</v>
      </c>
      <c r="J21" s="20">
        <v>3545</v>
      </c>
    </row>
    <row r="22" spans="1:10" ht="18" customHeight="1" x14ac:dyDescent="0.2">
      <c r="A22" s="17">
        <v>14</v>
      </c>
      <c r="B22" s="18">
        <v>1762</v>
      </c>
      <c r="C22" s="19">
        <v>1755</v>
      </c>
      <c r="D22" s="20">
        <v>3517</v>
      </c>
      <c r="E22" s="24">
        <v>15</v>
      </c>
      <c r="F22" s="19">
        <v>18</v>
      </c>
      <c r="G22" s="20">
        <v>33</v>
      </c>
      <c r="H22" s="24">
        <v>1777</v>
      </c>
      <c r="I22" s="19">
        <v>1773</v>
      </c>
      <c r="J22" s="20">
        <v>3550</v>
      </c>
    </row>
    <row r="23" spans="1:10" ht="18" customHeight="1" x14ac:dyDescent="0.2">
      <c r="A23" s="17" t="s">
        <v>11</v>
      </c>
      <c r="B23" s="18">
        <v>8848</v>
      </c>
      <c r="C23" s="19">
        <v>8352</v>
      </c>
      <c r="D23" s="20">
        <v>17200</v>
      </c>
      <c r="E23" s="24">
        <v>78</v>
      </c>
      <c r="F23" s="19">
        <v>81</v>
      </c>
      <c r="G23" s="20">
        <v>159</v>
      </c>
      <c r="H23" s="24">
        <v>8926</v>
      </c>
      <c r="I23" s="19">
        <v>8433</v>
      </c>
      <c r="J23" s="20">
        <v>17359</v>
      </c>
    </row>
    <row r="24" spans="1:10" ht="18" customHeight="1" x14ac:dyDescent="0.2">
      <c r="A24" s="17" t="s">
        <v>12</v>
      </c>
      <c r="B24" s="18">
        <v>24098</v>
      </c>
      <c r="C24" s="19">
        <v>23026</v>
      </c>
      <c r="D24" s="20">
        <v>47124</v>
      </c>
      <c r="E24" s="24">
        <v>294</v>
      </c>
      <c r="F24" s="19">
        <v>280</v>
      </c>
      <c r="G24" s="20">
        <v>574</v>
      </c>
      <c r="H24" s="24">
        <v>24392</v>
      </c>
      <c r="I24" s="19">
        <v>23306</v>
      </c>
      <c r="J24" s="20">
        <v>47698</v>
      </c>
    </row>
    <row r="25" spans="1:10" ht="18" customHeight="1" x14ac:dyDescent="0.2">
      <c r="A25" s="17">
        <v>15</v>
      </c>
      <c r="B25" s="18">
        <v>1817</v>
      </c>
      <c r="C25" s="19">
        <v>1787</v>
      </c>
      <c r="D25" s="20">
        <v>3604</v>
      </c>
      <c r="E25" s="24">
        <v>15</v>
      </c>
      <c r="F25" s="19">
        <v>9</v>
      </c>
      <c r="G25" s="20">
        <v>24</v>
      </c>
      <c r="H25" s="24">
        <v>1832</v>
      </c>
      <c r="I25" s="19">
        <v>1796</v>
      </c>
      <c r="J25" s="20">
        <v>3628</v>
      </c>
    </row>
    <row r="26" spans="1:10" ht="18" customHeight="1" x14ac:dyDescent="0.2">
      <c r="A26" s="17">
        <v>16</v>
      </c>
      <c r="B26" s="18">
        <v>1878</v>
      </c>
      <c r="C26" s="19">
        <v>1700</v>
      </c>
      <c r="D26" s="20">
        <v>3578</v>
      </c>
      <c r="E26" s="24">
        <v>12</v>
      </c>
      <c r="F26" s="19">
        <v>7</v>
      </c>
      <c r="G26" s="20">
        <v>19</v>
      </c>
      <c r="H26" s="24">
        <v>1890</v>
      </c>
      <c r="I26" s="19">
        <v>1707</v>
      </c>
      <c r="J26" s="20">
        <v>3597</v>
      </c>
    </row>
    <row r="27" spans="1:10" ht="18" customHeight="1" x14ac:dyDescent="0.2">
      <c r="A27" s="17">
        <v>17</v>
      </c>
      <c r="B27" s="18">
        <v>1892</v>
      </c>
      <c r="C27" s="19">
        <v>1824</v>
      </c>
      <c r="D27" s="20">
        <v>3716</v>
      </c>
      <c r="E27" s="24">
        <v>13</v>
      </c>
      <c r="F27" s="19">
        <v>13</v>
      </c>
      <c r="G27" s="20">
        <v>26</v>
      </c>
      <c r="H27" s="24">
        <v>1905</v>
      </c>
      <c r="I27" s="19">
        <v>1837</v>
      </c>
      <c r="J27" s="20">
        <v>3742</v>
      </c>
    </row>
    <row r="28" spans="1:10" ht="18" customHeight="1" x14ac:dyDescent="0.2">
      <c r="A28" s="17">
        <v>18</v>
      </c>
      <c r="B28" s="18">
        <v>1924</v>
      </c>
      <c r="C28" s="19">
        <v>1856</v>
      </c>
      <c r="D28" s="20">
        <v>3780</v>
      </c>
      <c r="E28" s="24">
        <v>15</v>
      </c>
      <c r="F28" s="19">
        <v>7</v>
      </c>
      <c r="G28" s="20">
        <v>22</v>
      </c>
      <c r="H28" s="24">
        <v>1939</v>
      </c>
      <c r="I28" s="19">
        <v>1863</v>
      </c>
      <c r="J28" s="20">
        <v>3802</v>
      </c>
    </row>
    <row r="29" spans="1:10" ht="18" customHeight="1" x14ac:dyDescent="0.2">
      <c r="A29" s="17">
        <v>19</v>
      </c>
      <c r="B29" s="18">
        <v>1976</v>
      </c>
      <c r="C29" s="19">
        <v>1749</v>
      </c>
      <c r="D29" s="20">
        <v>3725</v>
      </c>
      <c r="E29" s="24">
        <v>30</v>
      </c>
      <c r="F29" s="19">
        <v>18</v>
      </c>
      <c r="G29" s="20">
        <v>48</v>
      </c>
      <c r="H29" s="24">
        <v>2006</v>
      </c>
      <c r="I29" s="19">
        <v>1767</v>
      </c>
      <c r="J29" s="20">
        <v>3773</v>
      </c>
    </row>
    <row r="30" spans="1:10" ht="18" customHeight="1" x14ac:dyDescent="0.2">
      <c r="A30" s="17" t="s">
        <v>13</v>
      </c>
      <c r="B30" s="18">
        <v>9487</v>
      </c>
      <c r="C30" s="19">
        <v>8916</v>
      </c>
      <c r="D30" s="20">
        <v>18403</v>
      </c>
      <c r="E30" s="24">
        <v>85</v>
      </c>
      <c r="F30" s="19">
        <v>54</v>
      </c>
      <c r="G30" s="20">
        <v>139</v>
      </c>
      <c r="H30" s="24">
        <v>9572</v>
      </c>
      <c r="I30" s="19">
        <v>8970</v>
      </c>
      <c r="J30" s="20">
        <v>18542</v>
      </c>
    </row>
    <row r="31" spans="1:10" ht="18" customHeight="1" x14ac:dyDescent="0.2">
      <c r="A31" s="17">
        <v>20</v>
      </c>
      <c r="B31" s="18">
        <v>1991</v>
      </c>
      <c r="C31" s="19">
        <v>1848</v>
      </c>
      <c r="D31" s="20">
        <v>3839</v>
      </c>
      <c r="E31" s="24">
        <v>53</v>
      </c>
      <c r="F31" s="19">
        <v>62</v>
      </c>
      <c r="G31" s="20">
        <v>115</v>
      </c>
      <c r="H31" s="24">
        <v>2044</v>
      </c>
      <c r="I31" s="19">
        <v>1910</v>
      </c>
      <c r="J31" s="20">
        <v>3954</v>
      </c>
    </row>
    <row r="32" spans="1:10" ht="18" customHeight="1" x14ac:dyDescent="0.2">
      <c r="A32" s="17">
        <v>21</v>
      </c>
      <c r="B32" s="18">
        <v>2055</v>
      </c>
      <c r="C32" s="19">
        <v>1777</v>
      </c>
      <c r="D32" s="20">
        <v>3832</v>
      </c>
      <c r="E32" s="24">
        <v>102</v>
      </c>
      <c r="F32" s="19">
        <v>111</v>
      </c>
      <c r="G32" s="20">
        <v>213</v>
      </c>
      <c r="H32" s="24">
        <v>2157</v>
      </c>
      <c r="I32" s="19">
        <v>1888</v>
      </c>
      <c r="J32" s="20">
        <v>4045</v>
      </c>
    </row>
    <row r="33" spans="1:10" ht="18" customHeight="1" x14ac:dyDescent="0.2">
      <c r="A33" s="17">
        <v>22</v>
      </c>
      <c r="B33" s="18">
        <v>2055</v>
      </c>
      <c r="C33" s="19">
        <v>1810</v>
      </c>
      <c r="D33" s="20">
        <v>3865</v>
      </c>
      <c r="E33" s="24">
        <v>116</v>
      </c>
      <c r="F33" s="19">
        <v>108</v>
      </c>
      <c r="G33" s="20">
        <v>224</v>
      </c>
      <c r="H33" s="24">
        <v>2171</v>
      </c>
      <c r="I33" s="19">
        <v>1918</v>
      </c>
      <c r="J33" s="20">
        <v>4089</v>
      </c>
    </row>
    <row r="34" spans="1:10" ht="18" customHeight="1" x14ac:dyDescent="0.2">
      <c r="A34" s="17">
        <v>23</v>
      </c>
      <c r="B34" s="18">
        <v>2019</v>
      </c>
      <c r="C34" s="19">
        <v>1720</v>
      </c>
      <c r="D34" s="20">
        <v>3739</v>
      </c>
      <c r="E34" s="24">
        <v>134</v>
      </c>
      <c r="F34" s="19">
        <v>100</v>
      </c>
      <c r="G34" s="20">
        <v>234</v>
      </c>
      <c r="H34" s="24">
        <v>2153</v>
      </c>
      <c r="I34" s="19">
        <v>1820</v>
      </c>
      <c r="J34" s="20">
        <v>3973</v>
      </c>
    </row>
    <row r="35" spans="1:10" ht="18" customHeight="1" x14ac:dyDescent="0.2">
      <c r="A35" s="17">
        <v>24</v>
      </c>
      <c r="B35" s="18">
        <v>2027</v>
      </c>
      <c r="C35" s="19">
        <v>1710</v>
      </c>
      <c r="D35" s="20">
        <v>3737</v>
      </c>
      <c r="E35" s="24">
        <v>173</v>
      </c>
      <c r="F35" s="19">
        <v>95</v>
      </c>
      <c r="G35" s="20">
        <v>268</v>
      </c>
      <c r="H35" s="24">
        <v>2200</v>
      </c>
      <c r="I35" s="19">
        <v>1805</v>
      </c>
      <c r="J35" s="20">
        <v>4005</v>
      </c>
    </row>
    <row r="36" spans="1:10" ht="18" customHeight="1" x14ac:dyDescent="0.2">
      <c r="A36" s="17" t="s">
        <v>14</v>
      </c>
      <c r="B36" s="18">
        <v>10147</v>
      </c>
      <c r="C36" s="19">
        <v>8865</v>
      </c>
      <c r="D36" s="20">
        <v>19012</v>
      </c>
      <c r="E36" s="24">
        <v>578</v>
      </c>
      <c r="F36" s="19">
        <v>476</v>
      </c>
      <c r="G36" s="20">
        <v>1054</v>
      </c>
      <c r="H36" s="24">
        <v>10725</v>
      </c>
      <c r="I36" s="19">
        <v>9341</v>
      </c>
      <c r="J36" s="20">
        <v>20066</v>
      </c>
    </row>
    <row r="37" spans="1:10" ht="18" customHeight="1" x14ac:dyDescent="0.2">
      <c r="A37" s="17">
        <v>25</v>
      </c>
      <c r="B37" s="18">
        <v>1990</v>
      </c>
      <c r="C37" s="19">
        <v>1807</v>
      </c>
      <c r="D37" s="20">
        <v>3797</v>
      </c>
      <c r="E37" s="24">
        <v>175</v>
      </c>
      <c r="F37" s="19">
        <v>103</v>
      </c>
      <c r="G37" s="20">
        <v>278</v>
      </c>
      <c r="H37" s="24">
        <v>2165</v>
      </c>
      <c r="I37" s="19">
        <v>1910</v>
      </c>
      <c r="J37" s="20">
        <v>4075</v>
      </c>
    </row>
    <row r="38" spans="1:10" ht="18" customHeight="1" x14ac:dyDescent="0.2">
      <c r="A38" s="17">
        <v>26</v>
      </c>
      <c r="B38" s="18">
        <v>2032</v>
      </c>
      <c r="C38" s="19">
        <v>1691</v>
      </c>
      <c r="D38" s="20">
        <v>3723</v>
      </c>
      <c r="E38" s="24">
        <v>176</v>
      </c>
      <c r="F38" s="19">
        <v>99</v>
      </c>
      <c r="G38" s="20">
        <v>275</v>
      </c>
      <c r="H38" s="24">
        <v>2208</v>
      </c>
      <c r="I38" s="19">
        <v>1790</v>
      </c>
      <c r="J38" s="20">
        <v>3998</v>
      </c>
    </row>
    <row r="39" spans="1:10" ht="18" customHeight="1" x14ac:dyDescent="0.2">
      <c r="A39" s="17">
        <v>27</v>
      </c>
      <c r="B39" s="18">
        <v>2026</v>
      </c>
      <c r="C39" s="19">
        <v>1792</v>
      </c>
      <c r="D39" s="20">
        <v>3818</v>
      </c>
      <c r="E39" s="24">
        <v>151</v>
      </c>
      <c r="F39" s="19">
        <v>107</v>
      </c>
      <c r="G39" s="20">
        <v>258</v>
      </c>
      <c r="H39" s="24">
        <v>2177</v>
      </c>
      <c r="I39" s="19">
        <v>1899</v>
      </c>
      <c r="J39" s="20">
        <v>4076</v>
      </c>
    </row>
    <row r="40" spans="1:10" ht="18" customHeight="1" x14ac:dyDescent="0.2">
      <c r="A40" s="17">
        <v>28</v>
      </c>
      <c r="B40" s="18">
        <v>1954</v>
      </c>
      <c r="C40" s="19">
        <v>1745</v>
      </c>
      <c r="D40" s="20">
        <v>3699</v>
      </c>
      <c r="E40" s="24">
        <v>151</v>
      </c>
      <c r="F40" s="19">
        <v>94</v>
      </c>
      <c r="G40" s="20">
        <v>245</v>
      </c>
      <c r="H40" s="24">
        <v>2105</v>
      </c>
      <c r="I40" s="19">
        <v>1839</v>
      </c>
      <c r="J40" s="20">
        <v>3944</v>
      </c>
    </row>
    <row r="41" spans="1:10" ht="18" customHeight="1" x14ac:dyDescent="0.2">
      <c r="A41" s="17">
        <v>29</v>
      </c>
      <c r="B41" s="18">
        <v>1863</v>
      </c>
      <c r="C41" s="19">
        <v>1731</v>
      </c>
      <c r="D41" s="20">
        <v>3594</v>
      </c>
      <c r="E41" s="24">
        <v>131</v>
      </c>
      <c r="F41" s="19">
        <v>95</v>
      </c>
      <c r="G41" s="20">
        <v>226</v>
      </c>
      <c r="H41" s="24">
        <v>1994</v>
      </c>
      <c r="I41" s="19">
        <v>1826</v>
      </c>
      <c r="J41" s="20">
        <v>3820</v>
      </c>
    </row>
    <row r="42" spans="1:10" ht="18" customHeight="1" x14ac:dyDescent="0.2">
      <c r="A42" s="17" t="s">
        <v>15</v>
      </c>
      <c r="B42" s="18">
        <v>9865</v>
      </c>
      <c r="C42" s="19">
        <v>8766</v>
      </c>
      <c r="D42" s="20">
        <v>18631</v>
      </c>
      <c r="E42" s="24">
        <v>784</v>
      </c>
      <c r="F42" s="19">
        <v>498</v>
      </c>
      <c r="G42" s="20">
        <v>1282</v>
      </c>
      <c r="H42" s="24">
        <v>10649</v>
      </c>
      <c r="I42" s="19">
        <v>9264</v>
      </c>
      <c r="J42" s="20">
        <v>19913</v>
      </c>
    </row>
    <row r="43" spans="1:10" ht="18" customHeight="1" x14ac:dyDescent="0.2">
      <c r="A43" s="17">
        <v>30</v>
      </c>
      <c r="B43" s="18">
        <v>1903</v>
      </c>
      <c r="C43" s="19">
        <v>1767</v>
      </c>
      <c r="D43" s="20">
        <v>3670</v>
      </c>
      <c r="E43" s="24">
        <v>96</v>
      </c>
      <c r="F43" s="19">
        <v>70</v>
      </c>
      <c r="G43" s="20">
        <v>166</v>
      </c>
      <c r="H43" s="24">
        <v>1999</v>
      </c>
      <c r="I43" s="19">
        <v>1837</v>
      </c>
      <c r="J43" s="20">
        <v>3836</v>
      </c>
    </row>
    <row r="44" spans="1:10" ht="18" customHeight="1" x14ac:dyDescent="0.2">
      <c r="A44" s="17">
        <v>31</v>
      </c>
      <c r="B44" s="18">
        <v>2003</v>
      </c>
      <c r="C44" s="19">
        <v>1725</v>
      </c>
      <c r="D44" s="20">
        <v>3728</v>
      </c>
      <c r="E44" s="24">
        <v>126</v>
      </c>
      <c r="F44" s="19">
        <v>71</v>
      </c>
      <c r="G44" s="20">
        <v>197</v>
      </c>
      <c r="H44" s="24">
        <v>2129</v>
      </c>
      <c r="I44" s="19">
        <v>1796</v>
      </c>
      <c r="J44" s="20">
        <v>3925</v>
      </c>
    </row>
    <row r="45" spans="1:10" ht="18" customHeight="1" x14ac:dyDescent="0.2">
      <c r="A45" s="17">
        <v>32</v>
      </c>
      <c r="B45" s="18">
        <v>1977</v>
      </c>
      <c r="C45" s="19">
        <v>1784</v>
      </c>
      <c r="D45" s="20">
        <v>3761</v>
      </c>
      <c r="E45" s="24">
        <v>118</v>
      </c>
      <c r="F45" s="19">
        <v>73</v>
      </c>
      <c r="G45" s="20">
        <v>191</v>
      </c>
      <c r="H45" s="24">
        <v>2095</v>
      </c>
      <c r="I45" s="19">
        <v>1857</v>
      </c>
      <c r="J45" s="20">
        <v>3952</v>
      </c>
    </row>
    <row r="46" spans="1:10" ht="18" customHeight="1" x14ac:dyDescent="0.2">
      <c r="A46" s="17">
        <v>33</v>
      </c>
      <c r="B46" s="18">
        <v>2138</v>
      </c>
      <c r="C46" s="19">
        <v>1888</v>
      </c>
      <c r="D46" s="20">
        <v>4026</v>
      </c>
      <c r="E46" s="24">
        <v>107</v>
      </c>
      <c r="F46" s="19">
        <v>66</v>
      </c>
      <c r="G46" s="20">
        <v>173</v>
      </c>
      <c r="H46" s="24">
        <v>2245</v>
      </c>
      <c r="I46" s="19">
        <v>1954</v>
      </c>
      <c r="J46" s="20">
        <v>4199</v>
      </c>
    </row>
    <row r="47" spans="1:10" ht="18" customHeight="1" x14ac:dyDescent="0.2">
      <c r="A47" s="17">
        <v>34</v>
      </c>
      <c r="B47" s="18">
        <v>2024</v>
      </c>
      <c r="C47" s="19">
        <v>1856</v>
      </c>
      <c r="D47" s="20">
        <v>3880</v>
      </c>
      <c r="E47" s="24">
        <v>92</v>
      </c>
      <c r="F47" s="19">
        <v>72</v>
      </c>
      <c r="G47" s="20">
        <v>164</v>
      </c>
      <c r="H47" s="24">
        <v>2116</v>
      </c>
      <c r="I47" s="19">
        <v>1928</v>
      </c>
      <c r="J47" s="20">
        <v>4044</v>
      </c>
    </row>
    <row r="48" spans="1:10" ht="18" customHeight="1" x14ac:dyDescent="0.2">
      <c r="A48" s="17" t="s">
        <v>16</v>
      </c>
      <c r="B48" s="18">
        <v>10045</v>
      </c>
      <c r="C48" s="19">
        <v>9020</v>
      </c>
      <c r="D48" s="20">
        <v>19065</v>
      </c>
      <c r="E48" s="24">
        <v>539</v>
      </c>
      <c r="F48" s="19">
        <v>352</v>
      </c>
      <c r="G48" s="20">
        <v>891</v>
      </c>
      <c r="H48" s="24">
        <v>10584</v>
      </c>
      <c r="I48" s="19">
        <v>9372</v>
      </c>
      <c r="J48" s="20">
        <v>19956</v>
      </c>
    </row>
    <row r="49" spans="1:10" ht="18" customHeight="1" x14ac:dyDescent="0.2">
      <c r="A49" s="17">
        <v>35</v>
      </c>
      <c r="B49" s="18">
        <v>2185</v>
      </c>
      <c r="C49" s="19">
        <v>2072</v>
      </c>
      <c r="D49" s="20">
        <v>4257</v>
      </c>
      <c r="E49" s="24">
        <v>81</v>
      </c>
      <c r="F49" s="19">
        <v>79</v>
      </c>
      <c r="G49" s="20">
        <v>160</v>
      </c>
      <c r="H49" s="24">
        <v>2266</v>
      </c>
      <c r="I49" s="19">
        <v>2151</v>
      </c>
      <c r="J49" s="20">
        <v>4417</v>
      </c>
    </row>
    <row r="50" spans="1:10" ht="18" customHeight="1" x14ac:dyDescent="0.2">
      <c r="A50" s="17">
        <v>36</v>
      </c>
      <c r="B50" s="18">
        <v>2214</v>
      </c>
      <c r="C50" s="19">
        <v>2128</v>
      </c>
      <c r="D50" s="20">
        <v>4342</v>
      </c>
      <c r="E50" s="24">
        <v>69</v>
      </c>
      <c r="F50" s="19">
        <v>84</v>
      </c>
      <c r="G50" s="20">
        <v>153</v>
      </c>
      <c r="H50" s="24">
        <v>2283</v>
      </c>
      <c r="I50" s="19">
        <v>2212</v>
      </c>
      <c r="J50" s="20">
        <v>4495</v>
      </c>
    </row>
    <row r="51" spans="1:10" ht="18" customHeight="1" x14ac:dyDescent="0.2">
      <c r="A51" s="17">
        <v>37</v>
      </c>
      <c r="B51" s="18">
        <v>2443</v>
      </c>
      <c r="C51" s="19">
        <v>2173</v>
      </c>
      <c r="D51" s="20">
        <v>4616</v>
      </c>
      <c r="E51" s="24">
        <v>62</v>
      </c>
      <c r="F51" s="19">
        <v>81</v>
      </c>
      <c r="G51" s="20">
        <v>143</v>
      </c>
      <c r="H51" s="24">
        <v>2505</v>
      </c>
      <c r="I51" s="19">
        <v>2254</v>
      </c>
      <c r="J51" s="20">
        <v>4759</v>
      </c>
    </row>
    <row r="52" spans="1:10" ht="18" customHeight="1" x14ac:dyDescent="0.2">
      <c r="A52" s="17">
        <v>38</v>
      </c>
      <c r="B52" s="18">
        <v>2286</v>
      </c>
      <c r="C52" s="19">
        <v>2132</v>
      </c>
      <c r="D52" s="20">
        <v>4418</v>
      </c>
      <c r="E52" s="24">
        <v>70</v>
      </c>
      <c r="F52" s="19">
        <v>80</v>
      </c>
      <c r="G52" s="20">
        <v>150</v>
      </c>
      <c r="H52" s="24">
        <v>2356</v>
      </c>
      <c r="I52" s="19">
        <v>2212</v>
      </c>
      <c r="J52" s="20">
        <v>4568</v>
      </c>
    </row>
    <row r="53" spans="1:10" ht="18" customHeight="1" x14ac:dyDescent="0.2">
      <c r="A53" s="17">
        <v>39</v>
      </c>
      <c r="B53" s="18">
        <v>2410</v>
      </c>
      <c r="C53" s="19">
        <v>2101</v>
      </c>
      <c r="D53" s="20">
        <v>4511</v>
      </c>
      <c r="E53" s="24">
        <v>60</v>
      </c>
      <c r="F53" s="19">
        <v>67</v>
      </c>
      <c r="G53" s="20">
        <v>127</v>
      </c>
      <c r="H53" s="24">
        <v>2470</v>
      </c>
      <c r="I53" s="19">
        <v>2168</v>
      </c>
      <c r="J53" s="20">
        <v>4638</v>
      </c>
    </row>
    <row r="54" spans="1:10" ht="18" customHeight="1" x14ac:dyDescent="0.2">
      <c r="A54" s="17" t="s">
        <v>17</v>
      </c>
      <c r="B54" s="18">
        <v>11538</v>
      </c>
      <c r="C54" s="19">
        <v>10606</v>
      </c>
      <c r="D54" s="20">
        <v>22144</v>
      </c>
      <c r="E54" s="24">
        <v>342</v>
      </c>
      <c r="F54" s="19">
        <v>391</v>
      </c>
      <c r="G54" s="20">
        <v>733</v>
      </c>
      <c r="H54" s="24">
        <v>11880</v>
      </c>
      <c r="I54" s="19">
        <v>10997</v>
      </c>
      <c r="J54" s="20">
        <v>22877</v>
      </c>
    </row>
    <row r="55" spans="1:10" ht="18" customHeight="1" x14ac:dyDescent="0.2">
      <c r="A55" s="17">
        <v>40</v>
      </c>
      <c r="B55" s="18">
        <v>2391</v>
      </c>
      <c r="C55" s="19">
        <v>2353</v>
      </c>
      <c r="D55" s="20">
        <v>4744</v>
      </c>
      <c r="E55" s="24">
        <v>63</v>
      </c>
      <c r="F55" s="19">
        <v>96</v>
      </c>
      <c r="G55" s="20">
        <v>159</v>
      </c>
      <c r="H55" s="24">
        <v>2454</v>
      </c>
      <c r="I55" s="19">
        <v>2449</v>
      </c>
      <c r="J55" s="20">
        <v>4903</v>
      </c>
    </row>
    <row r="56" spans="1:10" ht="18" customHeight="1" x14ac:dyDescent="0.2">
      <c r="A56" s="17">
        <v>41</v>
      </c>
      <c r="B56" s="18">
        <v>2431</v>
      </c>
      <c r="C56" s="19">
        <v>2214</v>
      </c>
      <c r="D56" s="20">
        <v>4645</v>
      </c>
      <c r="E56" s="24">
        <v>41</v>
      </c>
      <c r="F56" s="19">
        <v>72</v>
      </c>
      <c r="G56" s="20">
        <v>113</v>
      </c>
      <c r="H56" s="24">
        <v>2472</v>
      </c>
      <c r="I56" s="19">
        <v>2286</v>
      </c>
      <c r="J56" s="20">
        <v>4758</v>
      </c>
    </row>
    <row r="57" spans="1:10" ht="18" customHeight="1" x14ac:dyDescent="0.2">
      <c r="A57" s="17">
        <v>42</v>
      </c>
      <c r="B57" s="18">
        <v>2592</v>
      </c>
      <c r="C57" s="19">
        <v>2463</v>
      </c>
      <c r="D57" s="20">
        <v>5055</v>
      </c>
      <c r="E57" s="24">
        <v>46</v>
      </c>
      <c r="F57" s="19">
        <v>70</v>
      </c>
      <c r="G57" s="20">
        <v>116</v>
      </c>
      <c r="H57" s="24">
        <v>2638</v>
      </c>
      <c r="I57" s="19">
        <v>2533</v>
      </c>
      <c r="J57" s="20">
        <v>5171</v>
      </c>
    </row>
    <row r="58" spans="1:10" ht="18" customHeight="1" x14ac:dyDescent="0.2">
      <c r="A58" s="17">
        <v>43</v>
      </c>
      <c r="B58" s="18">
        <v>2726</v>
      </c>
      <c r="C58" s="19">
        <v>2553</v>
      </c>
      <c r="D58" s="20">
        <v>5279</v>
      </c>
      <c r="E58" s="24">
        <v>33</v>
      </c>
      <c r="F58" s="19">
        <v>72</v>
      </c>
      <c r="G58" s="20">
        <v>105</v>
      </c>
      <c r="H58" s="24">
        <v>2759</v>
      </c>
      <c r="I58" s="19">
        <v>2625</v>
      </c>
      <c r="J58" s="20">
        <v>5384</v>
      </c>
    </row>
    <row r="59" spans="1:10" ht="18" customHeight="1" x14ac:dyDescent="0.2">
      <c r="A59" s="17">
        <v>44</v>
      </c>
      <c r="B59" s="18">
        <v>2982</v>
      </c>
      <c r="C59" s="19">
        <v>2628</v>
      </c>
      <c r="D59" s="20">
        <v>5610</v>
      </c>
      <c r="E59" s="24">
        <v>31</v>
      </c>
      <c r="F59" s="19">
        <v>71</v>
      </c>
      <c r="G59" s="20">
        <v>102</v>
      </c>
      <c r="H59" s="24">
        <v>3013</v>
      </c>
      <c r="I59" s="19">
        <v>2699</v>
      </c>
      <c r="J59" s="20">
        <v>5712</v>
      </c>
    </row>
    <row r="60" spans="1:10" ht="18" customHeight="1" x14ac:dyDescent="0.2">
      <c r="A60" s="17" t="s">
        <v>18</v>
      </c>
      <c r="B60" s="18">
        <v>13122</v>
      </c>
      <c r="C60" s="19">
        <v>12211</v>
      </c>
      <c r="D60" s="20">
        <v>25333</v>
      </c>
      <c r="E60" s="24">
        <v>214</v>
      </c>
      <c r="F60" s="19">
        <v>381</v>
      </c>
      <c r="G60" s="20">
        <v>595</v>
      </c>
      <c r="H60" s="24">
        <v>13336</v>
      </c>
      <c r="I60" s="19">
        <v>12592</v>
      </c>
      <c r="J60" s="20">
        <v>25928</v>
      </c>
    </row>
    <row r="61" spans="1:10" ht="18" customHeight="1" x14ac:dyDescent="0.2">
      <c r="A61" s="17">
        <v>45</v>
      </c>
      <c r="B61" s="18">
        <v>2971</v>
      </c>
      <c r="C61" s="19">
        <v>2762</v>
      </c>
      <c r="D61" s="20">
        <v>5733</v>
      </c>
      <c r="E61" s="24">
        <v>37</v>
      </c>
      <c r="F61" s="19">
        <v>64</v>
      </c>
      <c r="G61" s="20">
        <v>101</v>
      </c>
      <c r="H61" s="24">
        <v>3008</v>
      </c>
      <c r="I61" s="19">
        <v>2826</v>
      </c>
      <c r="J61" s="20">
        <v>5834</v>
      </c>
    </row>
    <row r="62" spans="1:10" ht="18" customHeight="1" x14ac:dyDescent="0.2">
      <c r="A62" s="17">
        <v>46</v>
      </c>
      <c r="B62" s="18">
        <v>3212</v>
      </c>
      <c r="C62" s="19">
        <v>2977</v>
      </c>
      <c r="D62" s="20">
        <v>6189</v>
      </c>
      <c r="E62" s="24">
        <v>21</v>
      </c>
      <c r="F62" s="19">
        <v>70</v>
      </c>
      <c r="G62" s="20">
        <v>91</v>
      </c>
      <c r="H62" s="24">
        <v>3233</v>
      </c>
      <c r="I62" s="19">
        <v>3047</v>
      </c>
      <c r="J62" s="20">
        <v>6280</v>
      </c>
    </row>
    <row r="63" spans="1:10" ht="18" customHeight="1" x14ac:dyDescent="0.2">
      <c r="A63" s="17">
        <v>47</v>
      </c>
      <c r="B63" s="18">
        <v>3370</v>
      </c>
      <c r="C63" s="19">
        <v>3221</v>
      </c>
      <c r="D63" s="20">
        <v>6591</v>
      </c>
      <c r="E63" s="24">
        <v>28</v>
      </c>
      <c r="F63" s="19">
        <v>62</v>
      </c>
      <c r="G63" s="20">
        <v>90</v>
      </c>
      <c r="H63" s="24">
        <v>3398</v>
      </c>
      <c r="I63" s="19">
        <v>3283</v>
      </c>
      <c r="J63" s="20">
        <v>6681</v>
      </c>
    </row>
    <row r="64" spans="1:10" ht="18" customHeight="1" x14ac:dyDescent="0.2">
      <c r="A64" s="17">
        <v>48</v>
      </c>
      <c r="B64" s="18">
        <v>3462</v>
      </c>
      <c r="C64" s="19">
        <v>3396</v>
      </c>
      <c r="D64" s="20">
        <v>6858</v>
      </c>
      <c r="E64" s="24">
        <v>38</v>
      </c>
      <c r="F64" s="19">
        <v>65</v>
      </c>
      <c r="G64" s="20">
        <v>103</v>
      </c>
      <c r="H64" s="24">
        <v>3500</v>
      </c>
      <c r="I64" s="19">
        <v>3461</v>
      </c>
      <c r="J64" s="20">
        <v>6961</v>
      </c>
    </row>
    <row r="65" spans="1:10" ht="18" customHeight="1" x14ac:dyDescent="0.2">
      <c r="A65" s="17">
        <v>49</v>
      </c>
      <c r="B65" s="18">
        <v>3504</v>
      </c>
      <c r="C65" s="19">
        <v>3305</v>
      </c>
      <c r="D65" s="20">
        <v>6809</v>
      </c>
      <c r="E65" s="24">
        <v>29</v>
      </c>
      <c r="F65" s="19">
        <v>80</v>
      </c>
      <c r="G65" s="20">
        <v>109</v>
      </c>
      <c r="H65" s="24">
        <v>3533</v>
      </c>
      <c r="I65" s="19">
        <v>3385</v>
      </c>
      <c r="J65" s="20">
        <v>6918</v>
      </c>
    </row>
    <row r="66" spans="1:10" ht="18" customHeight="1" x14ac:dyDescent="0.2">
      <c r="A66" s="17" t="s">
        <v>19</v>
      </c>
      <c r="B66" s="18">
        <v>16519</v>
      </c>
      <c r="C66" s="19">
        <v>15661</v>
      </c>
      <c r="D66" s="20">
        <v>32180</v>
      </c>
      <c r="E66" s="24">
        <v>153</v>
      </c>
      <c r="F66" s="19">
        <v>341</v>
      </c>
      <c r="G66" s="20">
        <v>494</v>
      </c>
      <c r="H66" s="24">
        <v>16672</v>
      </c>
      <c r="I66" s="19">
        <v>16002</v>
      </c>
      <c r="J66" s="20">
        <v>32674</v>
      </c>
    </row>
    <row r="67" spans="1:10" ht="18" customHeight="1" x14ac:dyDescent="0.2">
      <c r="A67" s="17">
        <v>50</v>
      </c>
      <c r="B67" s="18">
        <v>3388</v>
      </c>
      <c r="C67" s="19">
        <v>3205</v>
      </c>
      <c r="D67" s="20">
        <v>6593</v>
      </c>
      <c r="E67" s="24">
        <v>30</v>
      </c>
      <c r="F67" s="19">
        <v>67</v>
      </c>
      <c r="G67" s="20">
        <v>97</v>
      </c>
      <c r="H67" s="24">
        <v>3418</v>
      </c>
      <c r="I67" s="19">
        <v>3272</v>
      </c>
      <c r="J67" s="20">
        <v>6690</v>
      </c>
    </row>
    <row r="68" spans="1:10" ht="18" customHeight="1" x14ac:dyDescent="0.2">
      <c r="A68" s="17">
        <v>51</v>
      </c>
      <c r="B68" s="18">
        <v>3226</v>
      </c>
      <c r="C68" s="19">
        <v>3045</v>
      </c>
      <c r="D68" s="20">
        <v>6271</v>
      </c>
      <c r="E68" s="24">
        <v>24</v>
      </c>
      <c r="F68" s="19">
        <v>67</v>
      </c>
      <c r="G68" s="20">
        <v>91</v>
      </c>
      <c r="H68" s="24">
        <v>3250</v>
      </c>
      <c r="I68" s="19">
        <v>3112</v>
      </c>
      <c r="J68" s="20">
        <v>6362</v>
      </c>
    </row>
    <row r="69" spans="1:10" ht="18" customHeight="1" x14ac:dyDescent="0.2">
      <c r="A69" s="17">
        <v>52</v>
      </c>
      <c r="B69" s="18">
        <v>3070</v>
      </c>
      <c r="C69" s="19">
        <v>2819</v>
      </c>
      <c r="D69" s="20">
        <v>5889</v>
      </c>
      <c r="E69" s="24">
        <v>25</v>
      </c>
      <c r="F69" s="19">
        <v>72</v>
      </c>
      <c r="G69" s="20">
        <v>97</v>
      </c>
      <c r="H69" s="24">
        <v>3095</v>
      </c>
      <c r="I69" s="19">
        <v>2891</v>
      </c>
      <c r="J69" s="20">
        <v>5986</v>
      </c>
    </row>
    <row r="70" spans="1:10" ht="18" customHeight="1" x14ac:dyDescent="0.2">
      <c r="A70" s="17">
        <v>53</v>
      </c>
      <c r="B70" s="18">
        <v>3039</v>
      </c>
      <c r="C70" s="19">
        <v>2853</v>
      </c>
      <c r="D70" s="20">
        <v>5892</v>
      </c>
      <c r="E70" s="24">
        <v>42</v>
      </c>
      <c r="F70" s="19">
        <v>71</v>
      </c>
      <c r="G70" s="20">
        <v>113</v>
      </c>
      <c r="H70" s="24">
        <v>3081</v>
      </c>
      <c r="I70" s="19">
        <v>2924</v>
      </c>
      <c r="J70" s="20">
        <v>6005</v>
      </c>
    </row>
    <row r="71" spans="1:10" ht="18" customHeight="1" x14ac:dyDescent="0.2">
      <c r="A71" s="17">
        <v>54</v>
      </c>
      <c r="B71" s="18">
        <v>2860</v>
      </c>
      <c r="C71" s="19">
        <v>2781</v>
      </c>
      <c r="D71" s="20">
        <v>5641</v>
      </c>
      <c r="E71" s="24">
        <v>23</v>
      </c>
      <c r="F71" s="19">
        <v>61</v>
      </c>
      <c r="G71" s="20">
        <v>84</v>
      </c>
      <c r="H71" s="24">
        <v>2883</v>
      </c>
      <c r="I71" s="19">
        <v>2842</v>
      </c>
      <c r="J71" s="20">
        <v>5725</v>
      </c>
    </row>
    <row r="72" spans="1:10" ht="18" customHeight="1" x14ac:dyDescent="0.2">
      <c r="A72" s="17" t="s">
        <v>20</v>
      </c>
      <c r="B72" s="18">
        <v>15583</v>
      </c>
      <c r="C72" s="19">
        <v>14703</v>
      </c>
      <c r="D72" s="20">
        <v>30286</v>
      </c>
      <c r="E72" s="24">
        <v>144</v>
      </c>
      <c r="F72" s="19">
        <v>338</v>
      </c>
      <c r="G72" s="20">
        <v>482</v>
      </c>
      <c r="H72" s="24">
        <v>15727</v>
      </c>
      <c r="I72" s="19">
        <v>15041</v>
      </c>
      <c r="J72" s="20">
        <v>30768</v>
      </c>
    </row>
    <row r="73" spans="1:10" ht="18" customHeight="1" x14ac:dyDescent="0.2">
      <c r="A73" s="17">
        <v>55</v>
      </c>
      <c r="B73" s="18">
        <v>2487</v>
      </c>
      <c r="C73" s="19">
        <v>2445</v>
      </c>
      <c r="D73" s="20">
        <v>4932</v>
      </c>
      <c r="E73" s="24">
        <v>19</v>
      </c>
      <c r="F73" s="19">
        <v>60</v>
      </c>
      <c r="G73" s="20">
        <v>79</v>
      </c>
      <c r="H73" s="24">
        <v>2506</v>
      </c>
      <c r="I73" s="19">
        <v>2505</v>
      </c>
      <c r="J73" s="20">
        <v>5011</v>
      </c>
    </row>
    <row r="74" spans="1:10" ht="18" customHeight="1" x14ac:dyDescent="0.2">
      <c r="A74" s="17">
        <v>56</v>
      </c>
      <c r="B74" s="18">
        <v>2366</v>
      </c>
      <c r="C74" s="19">
        <v>2446</v>
      </c>
      <c r="D74" s="20">
        <v>4812</v>
      </c>
      <c r="E74" s="24">
        <v>22</v>
      </c>
      <c r="F74" s="19">
        <v>37</v>
      </c>
      <c r="G74" s="20">
        <v>59</v>
      </c>
      <c r="H74" s="24">
        <v>2388</v>
      </c>
      <c r="I74" s="19">
        <v>2483</v>
      </c>
      <c r="J74" s="20">
        <v>4871</v>
      </c>
    </row>
    <row r="75" spans="1:10" ht="18" customHeight="1" x14ac:dyDescent="0.2">
      <c r="A75" s="17">
        <v>57</v>
      </c>
      <c r="B75" s="18">
        <v>2587</v>
      </c>
      <c r="C75" s="19">
        <v>2612</v>
      </c>
      <c r="D75" s="20">
        <v>5199</v>
      </c>
      <c r="E75" s="24">
        <v>16</v>
      </c>
      <c r="F75" s="19">
        <v>41</v>
      </c>
      <c r="G75" s="20">
        <v>57</v>
      </c>
      <c r="H75" s="24">
        <v>2603</v>
      </c>
      <c r="I75" s="19">
        <v>2653</v>
      </c>
      <c r="J75" s="20">
        <v>5256</v>
      </c>
    </row>
    <row r="76" spans="1:10" ht="18" customHeight="1" x14ac:dyDescent="0.2">
      <c r="A76" s="17">
        <v>58</v>
      </c>
      <c r="B76" s="18">
        <v>2531</v>
      </c>
      <c r="C76" s="19">
        <v>2450</v>
      </c>
      <c r="D76" s="20">
        <v>4981</v>
      </c>
      <c r="E76" s="24">
        <v>28</v>
      </c>
      <c r="F76" s="19">
        <v>43</v>
      </c>
      <c r="G76" s="20">
        <v>71</v>
      </c>
      <c r="H76" s="24">
        <v>2559</v>
      </c>
      <c r="I76" s="19">
        <v>2493</v>
      </c>
      <c r="J76" s="20">
        <v>5052</v>
      </c>
    </row>
    <row r="77" spans="1:10" ht="18" customHeight="1" x14ac:dyDescent="0.2">
      <c r="A77" s="17">
        <v>59</v>
      </c>
      <c r="B77" s="18">
        <v>2422</v>
      </c>
      <c r="C77" s="19">
        <v>2410</v>
      </c>
      <c r="D77" s="20">
        <v>4832</v>
      </c>
      <c r="E77" s="24">
        <v>20</v>
      </c>
      <c r="F77" s="19">
        <v>32</v>
      </c>
      <c r="G77" s="20">
        <v>52</v>
      </c>
      <c r="H77" s="24">
        <v>2442</v>
      </c>
      <c r="I77" s="19">
        <v>2442</v>
      </c>
      <c r="J77" s="20">
        <v>4884</v>
      </c>
    </row>
    <row r="78" spans="1:10" ht="18" customHeight="1" x14ac:dyDescent="0.2">
      <c r="A78" s="17" t="s">
        <v>21</v>
      </c>
      <c r="B78" s="18">
        <v>12393</v>
      </c>
      <c r="C78" s="19">
        <v>12363</v>
      </c>
      <c r="D78" s="20">
        <v>24756</v>
      </c>
      <c r="E78" s="24">
        <v>105</v>
      </c>
      <c r="F78" s="19">
        <v>213</v>
      </c>
      <c r="G78" s="20">
        <v>318</v>
      </c>
      <c r="H78" s="24">
        <v>12498</v>
      </c>
      <c r="I78" s="19">
        <v>12576</v>
      </c>
      <c r="J78" s="20">
        <v>25074</v>
      </c>
    </row>
    <row r="79" spans="1:10" ht="18" customHeight="1" x14ac:dyDescent="0.2">
      <c r="A79" s="17">
        <v>60</v>
      </c>
      <c r="B79" s="18">
        <v>2275</v>
      </c>
      <c r="C79" s="19">
        <v>2288</v>
      </c>
      <c r="D79" s="20">
        <v>4563</v>
      </c>
      <c r="E79" s="24">
        <v>20</v>
      </c>
      <c r="F79" s="19">
        <v>30</v>
      </c>
      <c r="G79" s="20">
        <v>50</v>
      </c>
      <c r="H79" s="24">
        <v>2295</v>
      </c>
      <c r="I79" s="19">
        <v>2318</v>
      </c>
      <c r="J79" s="20">
        <v>4613</v>
      </c>
    </row>
    <row r="80" spans="1:10" ht="18" customHeight="1" x14ac:dyDescent="0.2">
      <c r="A80" s="17">
        <v>61</v>
      </c>
      <c r="B80" s="18">
        <v>2283</v>
      </c>
      <c r="C80" s="19">
        <v>2428</v>
      </c>
      <c r="D80" s="20">
        <v>4711</v>
      </c>
      <c r="E80" s="24">
        <v>12</v>
      </c>
      <c r="F80" s="19">
        <v>25</v>
      </c>
      <c r="G80" s="20">
        <v>37</v>
      </c>
      <c r="H80" s="24">
        <v>2295</v>
      </c>
      <c r="I80" s="19">
        <v>2453</v>
      </c>
      <c r="J80" s="20">
        <v>4748</v>
      </c>
    </row>
    <row r="81" spans="1:10" ht="18" customHeight="1" x14ac:dyDescent="0.2">
      <c r="A81" s="17">
        <v>62</v>
      </c>
      <c r="B81" s="18">
        <v>2304</v>
      </c>
      <c r="C81" s="19">
        <v>2334</v>
      </c>
      <c r="D81" s="20">
        <v>4638</v>
      </c>
      <c r="E81" s="24">
        <v>12</v>
      </c>
      <c r="F81" s="19">
        <v>22</v>
      </c>
      <c r="G81" s="20">
        <v>34</v>
      </c>
      <c r="H81" s="24">
        <v>2316</v>
      </c>
      <c r="I81" s="19">
        <v>2356</v>
      </c>
      <c r="J81" s="20">
        <v>4672</v>
      </c>
    </row>
    <row r="82" spans="1:10" ht="18" customHeight="1" x14ac:dyDescent="0.2">
      <c r="A82" s="17">
        <v>63</v>
      </c>
      <c r="B82" s="18">
        <v>2302</v>
      </c>
      <c r="C82" s="19">
        <v>2487</v>
      </c>
      <c r="D82" s="20">
        <v>4789</v>
      </c>
      <c r="E82" s="24">
        <v>4</v>
      </c>
      <c r="F82" s="19">
        <v>25</v>
      </c>
      <c r="G82" s="20">
        <v>29</v>
      </c>
      <c r="H82" s="24">
        <v>2306</v>
      </c>
      <c r="I82" s="19">
        <v>2512</v>
      </c>
      <c r="J82" s="20">
        <v>4818</v>
      </c>
    </row>
    <row r="83" spans="1:10" ht="18" customHeight="1" x14ac:dyDescent="0.2">
      <c r="A83" s="17">
        <v>64</v>
      </c>
      <c r="B83" s="18">
        <v>2236</v>
      </c>
      <c r="C83" s="19">
        <v>2253</v>
      </c>
      <c r="D83" s="20">
        <v>4489</v>
      </c>
      <c r="E83" s="24">
        <v>14</v>
      </c>
      <c r="F83" s="19">
        <v>16</v>
      </c>
      <c r="G83" s="20">
        <v>30</v>
      </c>
      <c r="H83" s="24">
        <v>2250</v>
      </c>
      <c r="I83" s="19">
        <v>2269</v>
      </c>
      <c r="J83" s="20">
        <v>4519</v>
      </c>
    </row>
    <row r="84" spans="1:10" ht="18" customHeight="1" x14ac:dyDescent="0.2">
      <c r="A84" s="17" t="s">
        <v>22</v>
      </c>
      <c r="B84" s="18">
        <v>11400</v>
      </c>
      <c r="C84" s="19">
        <v>11790</v>
      </c>
      <c r="D84" s="20">
        <v>23190</v>
      </c>
      <c r="E84" s="24">
        <v>62</v>
      </c>
      <c r="F84" s="19">
        <v>118</v>
      </c>
      <c r="G84" s="20">
        <v>180</v>
      </c>
      <c r="H84" s="24">
        <v>11462</v>
      </c>
      <c r="I84" s="19">
        <v>11908</v>
      </c>
      <c r="J84" s="20">
        <v>23370</v>
      </c>
    </row>
    <row r="85" spans="1:10" ht="18" customHeight="1" x14ac:dyDescent="0.2">
      <c r="A85" s="17" t="s">
        <v>23</v>
      </c>
      <c r="B85" s="18">
        <v>120099</v>
      </c>
      <c r="C85" s="19">
        <v>112901</v>
      </c>
      <c r="D85" s="20">
        <v>233000</v>
      </c>
      <c r="E85" s="24">
        <v>3006</v>
      </c>
      <c r="F85" s="19">
        <v>3162</v>
      </c>
      <c r="G85" s="20">
        <v>6168</v>
      </c>
      <c r="H85" s="24">
        <v>123105</v>
      </c>
      <c r="I85" s="19">
        <v>116063</v>
      </c>
      <c r="J85" s="20">
        <v>239168</v>
      </c>
    </row>
    <row r="86" spans="1:10" ht="18" customHeight="1" x14ac:dyDescent="0.2">
      <c r="A86" s="17">
        <v>65</v>
      </c>
      <c r="B86" s="18">
        <v>2157</v>
      </c>
      <c r="C86" s="19">
        <v>2309</v>
      </c>
      <c r="D86" s="20">
        <v>4466</v>
      </c>
      <c r="E86" s="24">
        <v>8</v>
      </c>
      <c r="F86" s="19">
        <v>14</v>
      </c>
      <c r="G86" s="20">
        <v>22</v>
      </c>
      <c r="H86" s="24">
        <v>2165</v>
      </c>
      <c r="I86" s="19">
        <v>2323</v>
      </c>
      <c r="J86" s="20">
        <v>4488</v>
      </c>
    </row>
    <row r="87" spans="1:10" ht="18" customHeight="1" x14ac:dyDescent="0.2">
      <c r="A87" s="17">
        <v>66</v>
      </c>
      <c r="B87" s="18">
        <v>2325</v>
      </c>
      <c r="C87" s="19">
        <v>2486</v>
      </c>
      <c r="D87" s="20">
        <v>4811</v>
      </c>
      <c r="E87" s="24">
        <v>10</v>
      </c>
      <c r="F87" s="19">
        <v>14</v>
      </c>
      <c r="G87" s="20">
        <v>24</v>
      </c>
      <c r="H87" s="24">
        <v>2335</v>
      </c>
      <c r="I87" s="19">
        <v>2500</v>
      </c>
      <c r="J87" s="20">
        <v>4835</v>
      </c>
    </row>
    <row r="88" spans="1:10" ht="18" customHeight="1" x14ac:dyDescent="0.2">
      <c r="A88" s="17">
        <v>67</v>
      </c>
      <c r="B88" s="18">
        <v>2423</v>
      </c>
      <c r="C88" s="19">
        <v>2606</v>
      </c>
      <c r="D88" s="20">
        <v>5029</v>
      </c>
      <c r="E88" s="24">
        <v>12</v>
      </c>
      <c r="F88" s="19">
        <v>13</v>
      </c>
      <c r="G88" s="20">
        <v>25</v>
      </c>
      <c r="H88" s="24">
        <v>2435</v>
      </c>
      <c r="I88" s="19">
        <v>2619</v>
      </c>
      <c r="J88" s="20">
        <v>5054</v>
      </c>
    </row>
    <row r="89" spans="1:10" ht="18" customHeight="1" x14ac:dyDescent="0.2">
      <c r="A89" s="17">
        <v>68</v>
      </c>
      <c r="B89" s="18">
        <v>2473</v>
      </c>
      <c r="C89" s="19">
        <v>2689</v>
      </c>
      <c r="D89" s="20">
        <v>5162</v>
      </c>
      <c r="E89" s="24">
        <v>13</v>
      </c>
      <c r="F89" s="19">
        <v>10</v>
      </c>
      <c r="G89" s="20">
        <v>23</v>
      </c>
      <c r="H89" s="24">
        <v>2486</v>
      </c>
      <c r="I89" s="19">
        <v>2699</v>
      </c>
      <c r="J89" s="20">
        <v>5185</v>
      </c>
    </row>
    <row r="90" spans="1:10" ht="18" customHeight="1" x14ac:dyDescent="0.2">
      <c r="A90" s="17">
        <v>69</v>
      </c>
      <c r="B90" s="18">
        <v>2615</v>
      </c>
      <c r="C90" s="19">
        <v>2828</v>
      </c>
      <c r="D90" s="20">
        <v>5443</v>
      </c>
      <c r="E90" s="24">
        <v>6</v>
      </c>
      <c r="F90" s="19">
        <v>8</v>
      </c>
      <c r="G90" s="20">
        <v>14</v>
      </c>
      <c r="H90" s="24">
        <v>2621</v>
      </c>
      <c r="I90" s="19">
        <v>2836</v>
      </c>
      <c r="J90" s="20">
        <v>5457</v>
      </c>
    </row>
    <row r="91" spans="1:10" ht="18" customHeight="1" x14ac:dyDescent="0.2">
      <c r="A91" s="17" t="s">
        <v>24</v>
      </c>
      <c r="B91" s="18">
        <v>11993</v>
      </c>
      <c r="C91" s="19">
        <v>12918</v>
      </c>
      <c r="D91" s="20">
        <v>24911</v>
      </c>
      <c r="E91" s="24">
        <v>49</v>
      </c>
      <c r="F91" s="19">
        <v>59</v>
      </c>
      <c r="G91" s="20">
        <v>108</v>
      </c>
      <c r="H91" s="24">
        <v>12042</v>
      </c>
      <c r="I91" s="19">
        <v>12977</v>
      </c>
      <c r="J91" s="20">
        <v>25019</v>
      </c>
    </row>
    <row r="92" spans="1:10" ht="18" customHeight="1" x14ac:dyDescent="0.2">
      <c r="A92" s="17">
        <v>70</v>
      </c>
      <c r="B92" s="18">
        <v>2563</v>
      </c>
      <c r="C92" s="19">
        <v>2787</v>
      </c>
      <c r="D92" s="20">
        <v>5350</v>
      </c>
      <c r="E92" s="24">
        <v>9</v>
      </c>
      <c r="F92" s="19">
        <v>12</v>
      </c>
      <c r="G92" s="20">
        <v>21</v>
      </c>
      <c r="H92" s="24">
        <v>2572</v>
      </c>
      <c r="I92" s="19">
        <v>2799</v>
      </c>
      <c r="J92" s="20">
        <v>5371</v>
      </c>
    </row>
    <row r="93" spans="1:10" ht="18" customHeight="1" x14ac:dyDescent="0.2">
      <c r="A93" s="17">
        <v>71</v>
      </c>
      <c r="B93" s="18">
        <v>2808</v>
      </c>
      <c r="C93" s="19">
        <v>3116</v>
      </c>
      <c r="D93" s="20">
        <v>5924</v>
      </c>
      <c r="E93" s="24">
        <v>7</v>
      </c>
      <c r="F93" s="19">
        <v>12</v>
      </c>
      <c r="G93" s="20">
        <v>19</v>
      </c>
      <c r="H93" s="24">
        <v>2815</v>
      </c>
      <c r="I93" s="19">
        <v>3128</v>
      </c>
      <c r="J93" s="20">
        <v>5943</v>
      </c>
    </row>
    <row r="94" spans="1:10" ht="18" customHeight="1" x14ac:dyDescent="0.2">
      <c r="A94" s="17">
        <v>72</v>
      </c>
      <c r="B94" s="18">
        <v>3050</v>
      </c>
      <c r="C94" s="19">
        <v>3565</v>
      </c>
      <c r="D94" s="20">
        <v>6615</v>
      </c>
      <c r="E94" s="24">
        <v>7</v>
      </c>
      <c r="F94" s="19">
        <v>10</v>
      </c>
      <c r="G94" s="20">
        <v>17</v>
      </c>
      <c r="H94" s="24">
        <v>3057</v>
      </c>
      <c r="I94" s="19">
        <v>3575</v>
      </c>
      <c r="J94" s="20">
        <v>6632</v>
      </c>
    </row>
    <row r="95" spans="1:10" ht="18" customHeight="1" x14ac:dyDescent="0.2">
      <c r="A95" s="17">
        <v>73</v>
      </c>
      <c r="B95" s="18">
        <v>3412</v>
      </c>
      <c r="C95" s="19">
        <v>3763</v>
      </c>
      <c r="D95" s="20">
        <v>7175</v>
      </c>
      <c r="E95" s="24">
        <v>11</v>
      </c>
      <c r="F95" s="19">
        <v>10</v>
      </c>
      <c r="G95" s="20">
        <v>21</v>
      </c>
      <c r="H95" s="24">
        <v>3423</v>
      </c>
      <c r="I95" s="19">
        <v>3773</v>
      </c>
      <c r="J95" s="20">
        <v>7196</v>
      </c>
    </row>
    <row r="96" spans="1:10" ht="18" customHeight="1" x14ac:dyDescent="0.2">
      <c r="A96" s="17">
        <v>74</v>
      </c>
      <c r="B96" s="18">
        <v>3299</v>
      </c>
      <c r="C96" s="19">
        <v>3920</v>
      </c>
      <c r="D96" s="20">
        <v>7219</v>
      </c>
      <c r="E96" s="24">
        <v>10</v>
      </c>
      <c r="F96" s="19">
        <v>14</v>
      </c>
      <c r="G96" s="20">
        <v>24</v>
      </c>
      <c r="H96" s="24">
        <v>3309</v>
      </c>
      <c r="I96" s="19">
        <v>3934</v>
      </c>
      <c r="J96" s="20">
        <v>7243</v>
      </c>
    </row>
    <row r="97" spans="1:10" ht="18" customHeight="1" x14ac:dyDescent="0.2">
      <c r="A97" s="17" t="s">
        <v>25</v>
      </c>
      <c r="B97" s="18">
        <v>15132</v>
      </c>
      <c r="C97" s="19">
        <v>17151</v>
      </c>
      <c r="D97" s="20">
        <v>32283</v>
      </c>
      <c r="E97" s="24">
        <v>44</v>
      </c>
      <c r="F97" s="19">
        <v>58</v>
      </c>
      <c r="G97" s="20">
        <v>102</v>
      </c>
      <c r="H97" s="24">
        <v>15176</v>
      </c>
      <c r="I97" s="19">
        <v>17209</v>
      </c>
      <c r="J97" s="20">
        <v>32385</v>
      </c>
    </row>
    <row r="98" spans="1:10" ht="18" customHeight="1" x14ac:dyDescent="0.2">
      <c r="A98" s="17">
        <v>75</v>
      </c>
      <c r="B98" s="18">
        <v>2740</v>
      </c>
      <c r="C98" s="19">
        <v>3324</v>
      </c>
      <c r="D98" s="20">
        <v>6064</v>
      </c>
      <c r="E98" s="24">
        <v>5</v>
      </c>
      <c r="F98" s="19">
        <v>1</v>
      </c>
      <c r="G98" s="20">
        <v>6</v>
      </c>
      <c r="H98" s="24">
        <v>2745</v>
      </c>
      <c r="I98" s="19">
        <v>3325</v>
      </c>
      <c r="J98" s="20">
        <v>6070</v>
      </c>
    </row>
    <row r="99" spans="1:10" ht="18" customHeight="1" x14ac:dyDescent="0.2">
      <c r="A99" s="17">
        <v>76</v>
      </c>
      <c r="B99" s="18">
        <v>1581</v>
      </c>
      <c r="C99" s="19">
        <v>1918</v>
      </c>
      <c r="D99" s="20">
        <v>3499</v>
      </c>
      <c r="E99" s="24">
        <v>5</v>
      </c>
      <c r="F99" s="19">
        <v>6</v>
      </c>
      <c r="G99" s="20">
        <v>11</v>
      </c>
      <c r="H99" s="24">
        <v>1586</v>
      </c>
      <c r="I99" s="19">
        <v>1924</v>
      </c>
      <c r="J99" s="20">
        <v>3510</v>
      </c>
    </row>
    <row r="100" spans="1:10" ht="18" customHeight="1" x14ac:dyDescent="0.2">
      <c r="A100" s="17">
        <v>77</v>
      </c>
      <c r="B100" s="18">
        <v>2089</v>
      </c>
      <c r="C100" s="19">
        <v>2649</v>
      </c>
      <c r="D100" s="20">
        <v>4738</v>
      </c>
      <c r="E100" s="24">
        <v>3</v>
      </c>
      <c r="F100" s="19">
        <v>6</v>
      </c>
      <c r="G100" s="20">
        <v>9</v>
      </c>
      <c r="H100" s="24">
        <v>2092</v>
      </c>
      <c r="I100" s="19">
        <v>2655</v>
      </c>
      <c r="J100" s="20">
        <v>4747</v>
      </c>
    </row>
    <row r="101" spans="1:10" ht="18" customHeight="1" x14ac:dyDescent="0.2">
      <c r="A101" s="17">
        <v>78</v>
      </c>
      <c r="B101" s="18">
        <v>2192</v>
      </c>
      <c r="C101" s="19">
        <v>2940</v>
      </c>
      <c r="D101" s="20">
        <v>5132</v>
      </c>
      <c r="E101" s="24">
        <v>4</v>
      </c>
      <c r="F101" s="19">
        <v>7</v>
      </c>
      <c r="G101" s="20">
        <v>11</v>
      </c>
      <c r="H101" s="24">
        <v>2196</v>
      </c>
      <c r="I101" s="19">
        <v>2947</v>
      </c>
      <c r="J101" s="20">
        <v>5143</v>
      </c>
    </row>
    <row r="102" spans="1:10" ht="18" customHeight="1" x14ac:dyDescent="0.2">
      <c r="A102" s="17">
        <v>79</v>
      </c>
      <c r="B102" s="18">
        <v>2068</v>
      </c>
      <c r="C102" s="19">
        <v>2629</v>
      </c>
      <c r="D102" s="20">
        <v>4697</v>
      </c>
      <c r="E102" s="24">
        <v>3</v>
      </c>
      <c r="F102" s="19">
        <v>6</v>
      </c>
      <c r="G102" s="20">
        <v>9</v>
      </c>
      <c r="H102" s="24">
        <v>2071</v>
      </c>
      <c r="I102" s="19">
        <v>2635</v>
      </c>
      <c r="J102" s="20">
        <v>4706</v>
      </c>
    </row>
    <row r="103" spans="1:10" ht="18" customHeight="1" x14ac:dyDescent="0.2">
      <c r="A103" s="17" t="s">
        <v>26</v>
      </c>
      <c r="B103" s="18">
        <v>10670</v>
      </c>
      <c r="C103" s="19">
        <v>13460</v>
      </c>
      <c r="D103" s="20">
        <v>24130</v>
      </c>
      <c r="E103" s="24">
        <v>20</v>
      </c>
      <c r="F103" s="19">
        <v>26</v>
      </c>
      <c r="G103" s="20">
        <v>46</v>
      </c>
      <c r="H103" s="24">
        <v>10690</v>
      </c>
      <c r="I103" s="19">
        <v>13486</v>
      </c>
      <c r="J103" s="20">
        <v>24176</v>
      </c>
    </row>
    <row r="104" spans="1:10" ht="18" customHeight="1" x14ac:dyDescent="0.2">
      <c r="A104" s="17">
        <v>80</v>
      </c>
      <c r="B104" s="18">
        <v>2155</v>
      </c>
      <c r="C104" s="19">
        <v>2930</v>
      </c>
      <c r="D104" s="20">
        <v>5085</v>
      </c>
      <c r="E104" s="24">
        <v>6</v>
      </c>
      <c r="F104" s="19">
        <v>3</v>
      </c>
      <c r="G104" s="20">
        <v>9</v>
      </c>
      <c r="H104" s="24">
        <v>2161</v>
      </c>
      <c r="I104" s="19">
        <v>2933</v>
      </c>
      <c r="J104" s="20">
        <v>5094</v>
      </c>
    </row>
    <row r="105" spans="1:10" ht="18" customHeight="1" x14ac:dyDescent="0.2">
      <c r="A105" s="17">
        <v>81</v>
      </c>
      <c r="B105" s="18">
        <v>1763</v>
      </c>
      <c r="C105" s="19">
        <v>2444</v>
      </c>
      <c r="D105" s="20">
        <v>4207</v>
      </c>
      <c r="E105" s="24">
        <v>1</v>
      </c>
      <c r="F105" s="19">
        <v>6</v>
      </c>
      <c r="G105" s="20">
        <v>7</v>
      </c>
      <c r="H105" s="24">
        <v>1764</v>
      </c>
      <c r="I105" s="19">
        <v>2450</v>
      </c>
      <c r="J105" s="20">
        <v>4214</v>
      </c>
    </row>
    <row r="106" spans="1:10" ht="18" customHeight="1" x14ac:dyDescent="0.2">
      <c r="A106" s="17">
        <v>82</v>
      </c>
      <c r="B106" s="18">
        <v>1530</v>
      </c>
      <c r="C106" s="19">
        <v>2068</v>
      </c>
      <c r="D106" s="20">
        <v>3598</v>
      </c>
      <c r="E106" s="24">
        <v>4</v>
      </c>
      <c r="F106" s="19">
        <v>7</v>
      </c>
      <c r="G106" s="20">
        <v>11</v>
      </c>
      <c r="H106" s="24">
        <v>1534</v>
      </c>
      <c r="I106" s="19">
        <v>2075</v>
      </c>
      <c r="J106" s="20">
        <v>3609</v>
      </c>
    </row>
    <row r="107" spans="1:10" ht="18" customHeight="1" x14ac:dyDescent="0.2">
      <c r="A107" s="17">
        <v>83</v>
      </c>
      <c r="B107" s="18">
        <v>1170</v>
      </c>
      <c r="C107" s="19">
        <v>1781</v>
      </c>
      <c r="D107" s="20">
        <v>2951</v>
      </c>
      <c r="E107" s="24">
        <v>1</v>
      </c>
      <c r="F107" s="19">
        <v>3</v>
      </c>
      <c r="G107" s="20">
        <v>4</v>
      </c>
      <c r="H107" s="24">
        <v>1171</v>
      </c>
      <c r="I107" s="19">
        <v>1784</v>
      </c>
      <c r="J107" s="20">
        <v>2955</v>
      </c>
    </row>
    <row r="108" spans="1:10" ht="18" customHeight="1" x14ac:dyDescent="0.2">
      <c r="A108" s="17">
        <v>84</v>
      </c>
      <c r="B108" s="18">
        <v>1297</v>
      </c>
      <c r="C108" s="19">
        <v>1996</v>
      </c>
      <c r="D108" s="20">
        <v>3293</v>
      </c>
      <c r="E108" s="24">
        <v>3</v>
      </c>
      <c r="F108" s="19">
        <v>3</v>
      </c>
      <c r="G108" s="20">
        <v>6</v>
      </c>
      <c r="H108" s="24">
        <v>1300</v>
      </c>
      <c r="I108" s="19">
        <v>1999</v>
      </c>
      <c r="J108" s="20">
        <v>3299</v>
      </c>
    </row>
    <row r="109" spans="1:10" ht="18" customHeight="1" x14ac:dyDescent="0.2">
      <c r="A109" s="17" t="s">
        <v>27</v>
      </c>
      <c r="B109" s="18">
        <v>7915</v>
      </c>
      <c r="C109" s="19">
        <v>11219</v>
      </c>
      <c r="D109" s="20">
        <v>19134</v>
      </c>
      <c r="E109" s="24">
        <v>15</v>
      </c>
      <c r="F109" s="19">
        <v>22</v>
      </c>
      <c r="G109" s="20">
        <v>37</v>
      </c>
      <c r="H109" s="24">
        <v>7930</v>
      </c>
      <c r="I109" s="19">
        <v>11241</v>
      </c>
      <c r="J109" s="20">
        <v>19171</v>
      </c>
    </row>
    <row r="110" spans="1:10" ht="18" customHeight="1" x14ac:dyDescent="0.2">
      <c r="A110" s="17">
        <v>85</v>
      </c>
      <c r="B110" s="18">
        <v>1148</v>
      </c>
      <c r="C110" s="19">
        <v>1928</v>
      </c>
      <c r="D110" s="20">
        <v>3076</v>
      </c>
      <c r="E110" s="24">
        <v>1</v>
      </c>
      <c r="F110" s="19">
        <v>6</v>
      </c>
      <c r="G110" s="20">
        <v>7</v>
      </c>
      <c r="H110" s="24">
        <v>1149</v>
      </c>
      <c r="I110" s="19">
        <v>1934</v>
      </c>
      <c r="J110" s="20">
        <v>3083</v>
      </c>
    </row>
    <row r="111" spans="1:10" ht="18" customHeight="1" x14ac:dyDescent="0.2">
      <c r="A111" s="17">
        <v>86</v>
      </c>
      <c r="B111" s="18">
        <v>1133</v>
      </c>
      <c r="C111" s="19">
        <v>2099</v>
      </c>
      <c r="D111" s="20">
        <v>3232</v>
      </c>
      <c r="E111" s="24">
        <v>0</v>
      </c>
      <c r="F111" s="19">
        <v>2</v>
      </c>
      <c r="G111" s="20">
        <v>2</v>
      </c>
      <c r="H111" s="24">
        <v>1133</v>
      </c>
      <c r="I111" s="19">
        <v>2101</v>
      </c>
      <c r="J111" s="20">
        <v>3234</v>
      </c>
    </row>
    <row r="112" spans="1:10" ht="18" customHeight="1" x14ac:dyDescent="0.2">
      <c r="A112" s="17">
        <v>87</v>
      </c>
      <c r="B112" s="18">
        <v>875</v>
      </c>
      <c r="C112" s="19">
        <v>1544</v>
      </c>
      <c r="D112" s="20">
        <v>2419</v>
      </c>
      <c r="E112" s="24">
        <v>1</v>
      </c>
      <c r="F112" s="19">
        <v>6</v>
      </c>
      <c r="G112" s="20">
        <v>7</v>
      </c>
      <c r="H112" s="24">
        <v>876</v>
      </c>
      <c r="I112" s="19">
        <v>1550</v>
      </c>
      <c r="J112" s="20">
        <v>2426</v>
      </c>
    </row>
    <row r="113" spans="1:10" ht="18" customHeight="1" x14ac:dyDescent="0.2">
      <c r="A113" s="17">
        <v>88</v>
      </c>
      <c r="B113" s="18">
        <v>804</v>
      </c>
      <c r="C113" s="19">
        <v>1644</v>
      </c>
      <c r="D113" s="20">
        <v>2448</v>
      </c>
      <c r="E113" s="24">
        <v>2</v>
      </c>
      <c r="F113" s="19">
        <v>2</v>
      </c>
      <c r="G113" s="20">
        <v>4</v>
      </c>
      <c r="H113" s="24">
        <v>806</v>
      </c>
      <c r="I113" s="19">
        <v>1646</v>
      </c>
      <c r="J113" s="20">
        <v>2452</v>
      </c>
    </row>
    <row r="114" spans="1:10" ht="18" customHeight="1" x14ac:dyDescent="0.2">
      <c r="A114" s="17">
        <v>89</v>
      </c>
      <c r="B114" s="18">
        <v>659</v>
      </c>
      <c r="C114" s="19">
        <v>1644</v>
      </c>
      <c r="D114" s="20">
        <v>2303</v>
      </c>
      <c r="E114" s="24">
        <v>0</v>
      </c>
      <c r="F114" s="19">
        <v>5</v>
      </c>
      <c r="G114" s="20">
        <v>5</v>
      </c>
      <c r="H114" s="24">
        <v>659</v>
      </c>
      <c r="I114" s="19">
        <v>1649</v>
      </c>
      <c r="J114" s="20">
        <v>2308</v>
      </c>
    </row>
    <row r="115" spans="1:10" ht="18" customHeight="1" x14ac:dyDescent="0.2">
      <c r="A115" s="17" t="s">
        <v>28</v>
      </c>
      <c r="B115" s="18">
        <v>4619</v>
      </c>
      <c r="C115" s="19">
        <v>8859</v>
      </c>
      <c r="D115" s="20">
        <v>13478</v>
      </c>
      <c r="E115" s="24">
        <v>4</v>
      </c>
      <c r="F115" s="19">
        <v>21</v>
      </c>
      <c r="G115" s="20">
        <v>25</v>
      </c>
      <c r="H115" s="24">
        <v>4623</v>
      </c>
      <c r="I115" s="19">
        <v>8880</v>
      </c>
      <c r="J115" s="20">
        <v>13503</v>
      </c>
    </row>
    <row r="116" spans="1:10" ht="18" customHeight="1" x14ac:dyDescent="0.2">
      <c r="A116" s="17">
        <v>90</v>
      </c>
      <c r="B116" s="18">
        <v>501</v>
      </c>
      <c r="C116" s="19">
        <v>1303</v>
      </c>
      <c r="D116" s="20">
        <v>1804</v>
      </c>
      <c r="E116" s="24">
        <v>0</v>
      </c>
      <c r="F116" s="19">
        <v>4</v>
      </c>
      <c r="G116" s="20">
        <v>4</v>
      </c>
      <c r="H116" s="24">
        <v>501</v>
      </c>
      <c r="I116" s="19">
        <v>1307</v>
      </c>
      <c r="J116" s="20">
        <v>1808</v>
      </c>
    </row>
    <row r="117" spans="1:10" ht="18" customHeight="1" x14ac:dyDescent="0.2">
      <c r="A117" s="17">
        <v>91</v>
      </c>
      <c r="B117" s="18">
        <v>435</v>
      </c>
      <c r="C117" s="19">
        <v>1176</v>
      </c>
      <c r="D117" s="20">
        <v>1611</v>
      </c>
      <c r="E117" s="24">
        <v>0</v>
      </c>
      <c r="F117" s="19">
        <v>3</v>
      </c>
      <c r="G117" s="20">
        <v>3</v>
      </c>
      <c r="H117" s="24">
        <v>435</v>
      </c>
      <c r="I117" s="19">
        <v>1179</v>
      </c>
      <c r="J117" s="20">
        <v>1614</v>
      </c>
    </row>
    <row r="118" spans="1:10" ht="18" customHeight="1" x14ac:dyDescent="0.2">
      <c r="A118" s="17">
        <v>92</v>
      </c>
      <c r="B118" s="18">
        <v>355</v>
      </c>
      <c r="C118" s="19">
        <v>954</v>
      </c>
      <c r="D118" s="20">
        <v>1309</v>
      </c>
      <c r="E118" s="24">
        <v>1</v>
      </c>
      <c r="F118" s="19">
        <v>1</v>
      </c>
      <c r="G118" s="20">
        <v>2</v>
      </c>
      <c r="H118" s="24">
        <v>356</v>
      </c>
      <c r="I118" s="19">
        <v>955</v>
      </c>
      <c r="J118" s="20">
        <v>1311</v>
      </c>
    </row>
    <row r="119" spans="1:10" ht="18" customHeight="1" x14ac:dyDescent="0.2">
      <c r="A119" s="17">
        <v>93</v>
      </c>
      <c r="B119" s="18">
        <v>285</v>
      </c>
      <c r="C119" s="19">
        <v>864</v>
      </c>
      <c r="D119" s="20">
        <v>1149</v>
      </c>
      <c r="E119" s="24">
        <v>0</v>
      </c>
      <c r="F119" s="19">
        <v>1</v>
      </c>
      <c r="G119" s="20">
        <v>1</v>
      </c>
      <c r="H119" s="24">
        <v>285</v>
      </c>
      <c r="I119" s="19">
        <v>865</v>
      </c>
      <c r="J119" s="20">
        <v>1150</v>
      </c>
    </row>
    <row r="120" spans="1:10" ht="18" customHeight="1" x14ac:dyDescent="0.2">
      <c r="A120" s="17">
        <v>94</v>
      </c>
      <c r="B120" s="18">
        <v>197</v>
      </c>
      <c r="C120" s="19">
        <v>653</v>
      </c>
      <c r="D120" s="20">
        <v>850</v>
      </c>
      <c r="E120" s="24">
        <v>0</v>
      </c>
      <c r="F120" s="19">
        <v>0</v>
      </c>
      <c r="G120" s="20">
        <v>0</v>
      </c>
      <c r="H120" s="24">
        <v>197</v>
      </c>
      <c r="I120" s="19">
        <v>653</v>
      </c>
      <c r="J120" s="20">
        <v>850</v>
      </c>
    </row>
    <row r="121" spans="1:10" ht="18" customHeight="1" x14ac:dyDescent="0.2">
      <c r="A121" s="17" t="s">
        <v>29</v>
      </c>
      <c r="B121" s="18">
        <v>1773</v>
      </c>
      <c r="C121" s="19">
        <v>4950</v>
      </c>
      <c r="D121" s="20">
        <v>6723</v>
      </c>
      <c r="E121" s="24">
        <v>1</v>
      </c>
      <c r="F121" s="19">
        <v>9</v>
      </c>
      <c r="G121" s="20">
        <v>10</v>
      </c>
      <c r="H121" s="24">
        <v>1774</v>
      </c>
      <c r="I121" s="19">
        <v>4959</v>
      </c>
      <c r="J121" s="20">
        <v>6733</v>
      </c>
    </row>
    <row r="122" spans="1:10" ht="18" customHeight="1" x14ac:dyDescent="0.2">
      <c r="A122" s="17">
        <v>95</v>
      </c>
      <c r="B122" s="18">
        <v>161</v>
      </c>
      <c r="C122" s="19">
        <v>534</v>
      </c>
      <c r="D122" s="20">
        <v>695</v>
      </c>
      <c r="E122" s="24">
        <v>1</v>
      </c>
      <c r="F122" s="19">
        <v>1</v>
      </c>
      <c r="G122" s="20">
        <v>2</v>
      </c>
      <c r="H122" s="24">
        <v>162</v>
      </c>
      <c r="I122" s="19">
        <v>535</v>
      </c>
      <c r="J122" s="20">
        <v>697</v>
      </c>
    </row>
    <row r="123" spans="1:10" ht="18" customHeight="1" x14ac:dyDescent="0.2">
      <c r="A123" s="17">
        <v>96</v>
      </c>
      <c r="B123" s="18">
        <v>110</v>
      </c>
      <c r="C123" s="19">
        <v>462</v>
      </c>
      <c r="D123" s="20">
        <v>572</v>
      </c>
      <c r="E123" s="24">
        <v>0</v>
      </c>
      <c r="F123" s="19">
        <v>0</v>
      </c>
      <c r="G123" s="20">
        <v>0</v>
      </c>
      <c r="H123" s="24">
        <v>110</v>
      </c>
      <c r="I123" s="19">
        <v>462</v>
      </c>
      <c r="J123" s="20">
        <v>572</v>
      </c>
    </row>
    <row r="124" spans="1:10" ht="18" customHeight="1" x14ac:dyDescent="0.2">
      <c r="A124" s="17">
        <v>97</v>
      </c>
      <c r="B124" s="18">
        <v>71</v>
      </c>
      <c r="C124" s="19">
        <v>347</v>
      </c>
      <c r="D124" s="20">
        <v>418</v>
      </c>
      <c r="E124" s="24">
        <v>0</v>
      </c>
      <c r="F124" s="19">
        <v>0</v>
      </c>
      <c r="G124" s="20">
        <v>0</v>
      </c>
      <c r="H124" s="24">
        <v>71</v>
      </c>
      <c r="I124" s="19">
        <v>347</v>
      </c>
      <c r="J124" s="20">
        <v>418</v>
      </c>
    </row>
    <row r="125" spans="1:10" ht="18" customHeight="1" x14ac:dyDescent="0.2">
      <c r="A125" s="17">
        <v>98</v>
      </c>
      <c r="B125" s="18">
        <v>44</v>
      </c>
      <c r="C125" s="19">
        <v>226</v>
      </c>
      <c r="D125" s="20">
        <v>270</v>
      </c>
      <c r="E125" s="24">
        <v>0</v>
      </c>
      <c r="F125" s="19">
        <v>1</v>
      </c>
      <c r="G125" s="20">
        <v>1</v>
      </c>
      <c r="H125" s="24">
        <v>44</v>
      </c>
      <c r="I125" s="19">
        <v>227</v>
      </c>
      <c r="J125" s="20">
        <v>271</v>
      </c>
    </row>
    <row r="126" spans="1:10" ht="18" customHeight="1" x14ac:dyDescent="0.2">
      <c r="A126" s="17">
        <v>99</v>
      </c>
      <c r="B126" s="18">
        <v>36</v>
      </c>
      <c r="C126" s="19">
        <v>164</v>
      </c>
      <c r="D126" s="20">
        <v>200</v>
      </c>
      <c r="E126" s="24">
        <v>0</v>
      </c>
      <c r="F126" s="19">
        <v>0</v>
      </c>
      <c r="G126" s="20">
        <v>0</v>
      </c>
      <c r="H126" s="24">
        <v>36</v>
      </c>
      <c r="I126" s="19">
        <v>164</v>
      </c>
      <c r="J126" s="20">
        <v>200</v>
      </c>
    </row>
    <row r="127" spans="1:10" ht="18" customHeight="1" x14ac:dyDescent="0.2">
      <c r="A127" s="17" t="s">
        <v>30</v>
      </c>
      <c r="B127" s="18">
        <v>422</v>
      </c>
      <c r="C127" s="19">
        <v>1733</v>
      </c>
      <c r="D127" s="20">
        <v>2155</v>
      </c>
      <c r="E127" s="24">
        <v>1</v>
      </c>
      <c r="F127" s="19">
        <v>2</v>
      </c>
      <c r="G127" s="20">
        <v>3</v>
      </c>
      <c r="H127" s="24">
        <v>423</v>
      </c>
      <c r="I127" s="19">
        <v>1735</v>
      </c>
      <c r="J127" s="20">
        <v>2158</v>
      </c>
    </row>
    <row r="128" spans="1:10" ht="18" customHeight="1" x14ac:dyDescent="0.2">
      <c r="A128" s="17">
        <v>100</v>
      </c>
      <c r="B128" s="18">
        <v>14</v>
      </c>
      <c r="C128" s="19">
        <v>141</v>
      </c>
      <c r="D128" s="20">
        <v>155</v>
      </c>
      <c r="E128" s="24">
        <v>0</v>
      </c>
      <c r="F128" s="19">
        <v>1</v>
      </c>
      <c r="G128" s="20">
        <v>1</v>
      </c>
      <c r="H128" s="24">
        <v>14</v>
      </c>
      <c r="I128" s="19">
        <v>142</v>
      </c>
      <c r="J128" s="20">
        <v>156</v>
      </c>
    </row>
    <row r="129" spans="1:10" ht="18" customHeight="1" x14ac:dyDescent="0.2">
      <c r="A129" s="25" t="s">
        <v>31</v>
      </c>
      <c r="B129" s="18">
        <v>21</v>
      </c>
      <c r="C129" s="19">
        <v>164</v>
      </c>
      <c r="D129" s="20">
        <v>185</v>
      </c>
      <c r="E129" s="24">
        <v>0</v>
      </c>
      <c r="F129" s="19">
        <v>0</v>
      </c>
      <c r="G129" s="20">
        <v>0</v>
      </c>
      <c r="H129" s="24">
        <v>21</v>
      </c>
      <c r="I129" s="19">
        <v>164</v>
      </c>
      <c r="J129" s="20">
        <v>185</v>
      </c>
    </row>
    <row r="130" spans="1:10" ht="18" customHeight="1" x14ac:dyDescent="0.2">
      <c r="A130" s="17" t="s">
        <v>32</v>
      </c>
      <c r="B130" s="18">
        <v>35</v>
      </c>
      <c r="C130" s="19">
        <v>305</v>
      </c>
      <c r="D130" s="20">
        <v>340</v>
      </c>
      <c r="E130" s="24">
        <v>0</v>
      </c>
      <c r="F130" s="19">
        <v>1</v>
      </c>
      <c r="G130" s="20">
        <v>1</v>
      </c>
      <c r="H130" s="24">
        <v>35</v>
      </c>
      <c r="I130" s="19">
        <v>306</v>
      </c>
      <c r="J130" s="20">
        <v>341</v>
      </c>
    </row>
    <row r="131" spans="1:10" ht="18" customHeight="1" x14ac:dyDescent="0.2">
      <c r="A131" s="17" t="s">
        <v>33</v>
      </c>
      <c r="B131" s="26">
        <v>52559</v>
      </c>
      <c r="C131" s="27">
        <v>70595</v>
      </c>
      <c r="D131" s="28">
        <v>123154</v>
      </c>
      <c r="E131" s="29">
        <v>134</v>
      </c>
      <c r="F131" s="27">
        <v>198</v>
      </c>
      <c r="G131" s="28">
        <v>332</v>
      </c>
      <c r="H131" s="29">
        <v>52693</v>
      </c>
      <c r="I131" s="27">
        <v>70793</v>
      </c>
      <c r="J131" s="28">
        <v>123486</v>
      </c>
    </row>
    <row r="132" spans="1:10" ht="18" customHeight="1" x14ac:dyDescent="0.2">
      <c r="A132" s="30" t="s">
        <v>34</v>
      </c>
      <c r="B132" s="31">
        <v>196756</v>
      </c>
      <c r="C132" s="32">
        <v>206522</v>
      </c>
      <c r="D132" s="33">
        <v>403278</v>
      </c>
      <c r="E132" s="34">
        <v>3434</v>
      </c>
      <c r="F132" s="32">
        <v>3640</v>
      </c>
      <c r="G132" s="33">
        <v>7074</v>
      </c>
      <c r="H132" s="34">
        <v>200190</v>
      </c>
      <c r="I132" s="32">
        <v>210162</v>
      </c>
      <c r="J132" s="33">
        <v>410352</v>
      </c>
    </row>
  </sheetData>
  <mergeCells count="5">
    <mergeCell ref="A1:J1"/>
    <mergeCell ref="H3:J3"/>
    <mergeCell ref="B4:D4"/>
    <mergeCell ref="E4:G4"/>
    <mergeCell ref="H4:J4"/>
  </mergeCells>
  <phoneticPr fontId="3"/>
  <pageMargins left="0.75" right="0.75" top="1" bottom="1" header="0.51200000000000001" footer="0.51200000000000001"/>
  <pageSetup paperSize="9" scale="95" fitToHeight="3" orientation="portrait" horizontalDpi="4294967292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0000</vt:lpstr>
      <vt:lpstr>'0000'!Print_Titles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05-06T00:47:51Z</dcterms:created>
  <dcterms:modified xsi:type="dcterms:W3CDTF">2022-05-09T05:49:56Z</dcterms:modified>
</cp:coreProperties>
</file>